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J:\s1\00_ホームページ・ポータル用データ\その他（ガイドライン、試行要領、ワンデーレスポンス手引き等）\"/>
    </mc:Choice>
  </mc:AlternateContent>
  <bookViews>
    <workbookView xWindow="0" yWindow="1572" windowWidth="15228" windowHeight="8532" tabRatio="742" activeTab="5"/>
  </bookViews>
  <sheets>
    <sheet name="表紙" sheetId="2" r:id="rId1"/>
    <sheet name="はじめに " sheetId="31" r:id="rId2"/>
    <sheet name="Ⅰ「設計図書の照査」の基本的考え方" sheetId="3" r:id="rId3"/>
    <sheet name="Ⅱ．土木工事設計図書の照査項目チェックリストの活用" sheetId="29" r:id="rId4"/>
    <sheet name="照査要領目次" sheetId="26" r:id="rId5"/>
    <sheet name="チェックリスト" sheetId="30" r:id="rId6"/>
    <sheet name="樋門・樋管" sheetId="15" r:id="rId7"/>
    <sheet name="築堤護岸" sheetId="21" r:id="rId8"/>
    <sheet name="道路改良(舗装）" sheetId="22" r:id="rId9"/>
    <sheet name="橋梁下部" sheetId="23" r:id="rId10"/>
    <sheet name="共同溝" sheetId="24" r:id="rId11"/>
    <sheet name="橋梁上部" sheetId="25" r:id="rId12"/>
    <sheet name="Sheet1" sheetId="32" r:id="rId13"/>
  </sheets>
  <definedNames>
    <definedName name="_xlnm.Print_Area" localSheetId="2">Ⅰ「設計図書の照査」の基本的考え方!$A$1:$K$125</definedName>
    <definedName name="_xlnm.Print_Area" localSheetId="3">'Ⅱ．土木工事設計図書の照査項目チェックリストの活用'!$E:$M</definedName>
    <definedName name="_xlnm.Print_Area" localSheetId="1">'はじめに '!$E:$M</definedName>
    <definedName name="_xlnm.Print_Area" localSheetId="0">表紙!$A$1:$I$77</definedName>
    <definedName name="_xlnm.Print_Titles" localSheetId="5">チェックリスト!$5:$6</definedName>
  </definedNames>
  <calcPr calcId="152511" fullCalcOnLoad="1"/>
</workbook>
</file>

<file path=xl/calcChain.xml><?xml version="1.0" encoding="utf-8"?>
<calcChain xmlns="http://schemas.openxmlformats.org/spreadsheetml/2006/main">
  <c r="E25" i="31" l="1"/>
  <c r="E43" i="31"/>
  <c r="E42" i="31"/>
  <c r="C41" i="31"/>
  <c r="E41" i="31" s="1"/>
  <c r="C19" i="31"/>
  <c r="E19" i="31" s="1"/>
  <c r="E40" i="31"/>
  <c r="C31" i="31"/>
  <c r="C32" i="31"/>
  <c r="C33" i="31" s="1"/>
  <c r="C19" i="29"/>
  <c r="E19" i="29" s="1"/>
  <c r="C45" i="31"/>
  <c r="E45" i="31" s="1"/>
  <c r="E44" i="31"/>
  <c r="E5" i="31"/>
  <c r="C6" i="31"/>
  <c r="E6" i="31" s="1"/>
  <c r="C7" i="31"/>
  <c r="E7" i="31" s="1"/>
  <c r="C8" i="31"/>
  <c r="E8" i="31" s="1"/>
  <c r="C9" i="31"/>
  <c r="E9" i="31" s="1"/>
  <c r="C10" i="31"/>
  <c r="E10" i="31" s="1"/>
  <c r="E11" i="31"/>
  <c r="C12" i="31"/>
  <c r="E12" i="31"/>
  <c r="C13" i="31"/>
  <c r="E13" i="31"/>
  <c r="C14" i="31"/>
  <c r="E14" i="31"/>
  <c r="C15" i="31"/>
  <c r="C16" i="31"/>
  <c r="E17" i="31"/>
  <c r="E18" i="31"/>
  <c r="E24" i="31"/>
  <c r="C26" i="31"/>
  <c r="E26" i="31" s="1"/>
  <c r="C27" i="31"/>
  <c r="E27" i="31" s="1"/>
  <c r="C28" i="31"/>
  <c r="E28" i="31" s="1"/>
  <c r="C29" i="31"/>
  <c r="E29" i="31" s="1"/>
  <c r="E30" i="31"/>
  <c r="E31" i="31"/>
  <c r="E37" i="31"/>
  <c r="C38" i="31"/>
  <c r="E38" i="31"/>
  <c r="C39" i="31"/>
  <c r="E39" i="31"/>
  <c r="C45" i="29"/>
  <c r="C46" i="29"/>
  <c r="E46" i="29" s="1"/>
  <c r="E45" i="29"/>
  <c r="E44" i="29"/>
  <c r="C43" i="29"/>
  <c r="E43" i="29" s="1"/>
  <c r="E42" i="29"/>
  <c r="C40" i="29"/>
  <c r="E40" i="29"/>
  <c r="E39" i="29"/>
  <c r="E36" i="29"/>
  <c r="C37" i="29"/>
  <c r="E37" i="29"/>
  <c r="C33" i="29"/>
  <c r="C34" i="29"/>
  <c r="E34" i="29" s="1"/>
  <c r="E33" i="29"/>
  <c r="E32" i="29"/>
  <c r="C28" i="29"/>
  <c r="E28" i="29" s="1"/>
  <c r="E27" i="29"/>
  <c r="C26" i="29"/>
  <c r="E26" i="29"/>
  <c r="E25" i="29"/>
  <c r="C22" i="29"/>
  <c r="C23" i="29" s="1"/>
  <c r="E23" i="29" s="1"/>
  <c r="E21" i="29"/>
  <c r="E18" i="29"/>
  <c r="E15" i="29"/>
  <c r="C16" i="29"/>
  <c r="E16" i="29" s="1"/>
  <c r="C13" i="29"/>
  <c r="C14" i="29" s="1"/>
  <c r="E14" i="29" s="1"/>
  <c r="E12" i="29"/>
  <c r="E5" i="29"/>
  <c r="C6" i="29"/>
  <c r="E6" i="29" s="1"/>
  <c r="C7" i="29"/>
  <c r="E7" i="29" s="1"/>
  <c r="C8" i="29"/>
  <c r="E8" i="29" s="1"/>
  <c r="E22" i="29"/>
  <c r="C34" i="31" l="1"/>
  <c r="E33" i="31"/>
  <c r="E32" i="31"/>
  <c r="E13" i="29"/>
  <c r="C20" i="31"/>
  <c r="C21" i="31" l="1"/>
  <c r="E20" i="31"/>
  <c r="C35" i="31"/>
  <c r="E35" i="31" s="1"/>
  <c r="E34" i="31"/>
  <c r="C22" i="31" l="1"/>
  <c r="E21" i="31"/>
  <c r="C23" i="31" l="1"/>
  <c r="E23" i="31" s="1"/>
  <c r="E22" i="31"/>
</calcChain>
</file>

<file path=xl/sharedStrings.xml><?xml version="1.0" encoding="utf-8"?>
<sst xmlns="http://schemas.openxmlformats.org/spreadsheetml/2006/main" count="2352" uniqueCount="489">
  <si>
    <t>③照査を完了した項目について、約款第１８条第１項（１）から（５）に該当する事実がある場合には「該当事実」欄の「有」にチェック、ない場合には「無」にチェックを入れる。</t>
    <rPh sb="47" eb="49">
      <t>ガイトウ</t>
    </rPh>
    <rPh sb="49" eb="51">
      <t>ジジツ</t>
    </rPh>
    <rPh sb="55" eb="56">
      <t>ユウ</t>
    </rPh>
    <rPh sb="65" eb="67">
      <t>バアイ</t>
    </rPh>
    <rPh sb="70" eb="71">
      <t>ム</t>
    </rPh>
    <phoneticPr fontId="7"/>
  </si>
  <si>
    <t>その際に③の「該当事実」が「有」の項目にチェックした場合は、監督員にその事実が確認できる資料も添付して提出する。</t>
    <rPh sb="7" eb="9">
      <t>ガイトウ</t>
    </rPh>
    <rPh sb="9" eb="11">
      <t>ジジツ</t>
    </rPh>
    <rPh sb="14" eb="15">
      <t>ユウ</t>
    </rPh>
    <rPh sb="17" eb="19">
      <t>コウモク</t>
    </rPh>
    <phoneticPr fontId="7"/>
  </si>
  <si>
    <t>□</t>
  </si>
  <si>
    <t>□</t>
    <phoneticPr fontId="7"/>
  </si>
  <si>
    <t>ウェルポイントあるいはディープウェルを行うにあたり、工事着手前に土質の確認を行い、地下水位、透水係数、湧水量等を確認したか</t>
    <phoneticPr fontId="7"/>
  </si>
  <si>
    <t>共通仕様書及び特記仕様書に示される資料はあるかの確認</t>
    <phoneticPr fontId="7"/>
  </si>
  <si>
    <t>地盤沈下、振動等による影響が第三者におよばないか、関連資料はあるかの確認</t>
    <phoneticPr fontId="7"/>
  </si>
  <si>
    <t>地下占用物件である電線、電話線、水道、道路管理者用光ケーブル、その他の地下埋設物を示した図面（平面、横断、深さ等）等関連資料があるか</t>
    <phoneticPr fontId="7"/>
  </si>
  <si>
    <t>工事着手後直ちに測量を実施し、測量標（仮ＢＭ）、工事用多角点の設置及び用地境界、中心線、縦断、横断等を確認したか</t>
    <phoneticPr fontId="7"/>
  </si>
  <si>
    <t>土留・仮締切工の仮設Ｈ鋼杭、仮設鋼矢板の打込みに先行し、支障となる埋設物の確認のため、溝掘り等を行い、埋設物を確認したか</t>
    <phoneticPr fontId="7"/>
  </si>
  <si>
    <t>砂防土工における斜面対策としての盛土工（押え盛土）を行うに当たり、盛土量、盛土の位置ならびに盛土基礎地盤の特性等について現状の状況等を照査したか</t>
    <phoneticPr fontId="7"/>
  </si>
  <si>
    <t>境界の施工前及び施工後において、近接所有者の立会による境界確認をしたか</t>
    <phoneticPr fontId="7"/>
  </si>
  <si>
    <t>トンネルの施工にあたって、工事着手前に測量を行い、両坑口間の基準点との相互関係を確認したか</t>
    <phoneticPr fontId="7"/>
  </si>
  <si>
    <t>鋼矢板等、仮設杭の施工に先立ち、明らかに埋設物がないことが確認されている場合を除き、建設工事公衆災害防止対策要綱に従って埋設物の存在の有無を確認したか</t>
    <phoneticPr fontId="7"/>
  </si>
  <si>
    <t>工事に先立ち、現地を詳細に把握するために現地調査を行い、補強を実施しようとする橋脚および基礎について、形状や鉄筋の位置、添架物や近接する地下構造物等の状況を把握するとともに、海水または鋼材の腐食を促進させる工場排水等の影響や、鋼材の位置する土中部が常時乾湿を繰り返す環境にあるかどうか等を事前に確認したか</t>
    <phoneticPr fontId="7"/>
  </si>
  <si>
    <t>漏水補修工の施工箇所は、設計図書と現地の漏水個所とに不整合がないか施工前に確認したか</t>
    <phoneticPr fontId="7"/>
  </si>
  <si>
    <t>使用する材料や重機の運搬・搬入路を確認したか</t>
    <phoneticPr fontId="7"/>
  </si>
  <si>
    <t>土石流の到達するおそれのある現場での安全対策について、現地踏査を実施しあらかじめその対策を確認したか</t>
    <phoneticPr fontId="7"/>
  </si>
  <si>
    <t>アンカー工の施工に際しては、工事着手前に法面の安定、地盤の状況、地中障害物、湧水を調査したか</t>
    <phoneticPr fontId="7"/>
  </si>
  <si>
    <t>施工前に、配筋図、鉄筋組立図、及びかぶり詳細図により組立可能か、また配力鉄筋および組立筋を考慮したかぶりとなっているかを照査したか</t>
    <phoneticPr fontId="7"/>
  </si>
  <si>
    <t>平面図には必要な工事内容が明示されているかの確認（法線、築堤護岸、付属構造物等）</t>
    <phoneticPr fontId="7"/>
  </si>
  <si>
    <t>構造図の基本寸法、座標値、高さ関係は照合されているかの確認</t>
    <phoneticPr fontId="7"/>
  </si>
  <si>
    <t>構造図に地質条件（推定岩盤線、柱状図、地下水位等）を明記してあるかの確認</t>
    <phoneticPr fontId="7"/>
  </si>
  <si>
    <t>図面が明瞭に描かれているかの確認（構造物と寸法線の使い分けがなされているか）</t>
    <phoneticPr fontId="7"/>
  </si>
  <si>
    <t>構造詳細は適用基準及び打合せ事項と整合しているかの確認</t>
    <phoneticPr fontId="7"/>
  </si>
  <si>
    <t>設計計算書の結果が正しく図面に反映されているかの確認（特に応力計算、安定計算等の結果が適用範囲も含めて整合しているか）
・壁厚
・鉄筋（径、ピッチ、使用材料、ラップ位置、ラップ長、主鉄筋の定着長、段落し位置、ガス圧接位置）
・使用材料
・その他</t>
    <phoneticPr fontId="7"/>
  </si>
  <si>
    <t>形状寸法、使用材料及びその配置は計算書と一致しているかの確認</t>
    <phoneticPr fontId="7"/>
  </si>
  <si>
    <t>地質調査報告書と設計図書の整合（調査箇所と柱状図、地質縦断面図・地質横断面図）はとれているかの確認</t>
    <phoneticPr fontId="7"/>
  </si>
  <si>
    <t>隣接工区等との整合はとれているかの確認</t>
    <phoneticPr fontId="7"/>
  </si>
  <si>
    <t>数量とりまとめは種類毎、材料毎の打合せ区分に合わせてまとめられているかの確認</t>
    <phoneticPr fontId="7"/>
  </si>
  <si>
    <t>横断図面による面積計算、長さ計算の縮尺は図面に整合しているかの確認</t>
    <phoneticPr fontId="7"/>
  </si>
  <si>
    <t>使用されている設計基準等は適切かの確認</t>
    <phoneticPr fontId="7"/>
  </si>
  <si>
    <t>構造・線形条件は妥当かの確認（橋長、支間長、幅員構成、平面・横断線形、座標系等）
※橋梁上部工事のみ対象</t>
    <phoneticPr fontId="7"/>
  </si>
  <si>
    <t>□</t>
    <phoneticPr fontId="7"/>
  </si>
  <si>
    <t>□</t>
    <phoneticPr fontId="7"/>
  </si>
  <si>
    <t>（北陸地方建設事業推進協議会　工事施工対策部会）</t>
    <rPh sb="1" eb="3">
      <t>ホクリク</t>
    </rPh>
    <rPh sb="3" eb="5">
      <t>チホウ</t>
    </rPh>
    <rPh sb="5" eb="7">
      <t>ケンセツ</t>
    </rPh>
    <rPh sb="7" eb="9">
      <t>ジギョウ</t>
    </rPh>
    <rPh sb="9" eb="11">
      <t>スイシン</t>
    </rPh>
    <rPh sb="11" eb="14">
      <t>キョウギカイ</t>
    </rPh>
    <rPh sb="15" eb="17">
      <t>コウジ</t>
    </rPh>
    <rPh sb="17" eb="19">
      <t>セコウ</t>
    </rPh>
    <rPh sb="19" eb="21">
      <t>タイサク</t>
    </rPh>
    <rPh sb="21" eb="23">
      <t>ブカイ</t>
    </rPh>
    <phoneticPr fontId="7"/>
  </si>
  <si>
    <t>（近畿地方整備局技術管理課）</t>
    <rPh sb="1" eb="3">
      <t>キンキ</t>
    </rPh>
    <rPh sb="3" eb="5">
      <t>チホウ</t>
    </rPh>
    <rPh sb="5" eb="7">
      <t>セイビ</t>
    </rPh>
    <rPh sb="7" eb="8">
      <t>キョク</t>
    </rPh>
    <rPh sb="8" eb="10">
      <t>ギジュツ</t>
    </rPh>
    <rPh sb="10" eb="13">
      <t>カンリカ</t>
    </rPh>
    <phoneticPr fontId="7"/>
  </si>
  <si>
    <t>○樋門・樋管工事</t>
    <phoneticPr fontId="7"/>
  </si>
  <si>
    <t>・・・・・１２</t>
    <phoneticPr fontId="7"/>
  </si>
  <si>
    <t>○築堤護岸工事</t>
    <phoneticPr fontId="7"/>
  </si>
  <si>
    <t>・・・・・１５</t>
    <phoneticPr fontId="7"/>
  </si>
  <si>
    <t>○道路改良（舗装）工事</t>
    <phoneticPr fontId="7"/>
  </si>
  <si>
    <t>・・・・・１８</t>
    <phoneticPr fontId="7"/>
  </si>
  <si>
    <t>○橋梁下部工事</t>
    <phoneticPr fontId="7"/>
  </si>
  <si>
    <t>・・・・・２３</t>
    <phoneticPr fontId="7"/>
  </si>
  <si>
    <t>○共同溝工事</t>
    <phoneticPr fontId="7"/>
  </si>
  <si>
    <t>・・・・・２６</t>
    <phoneticPr fontId="7"/>
  </si>
  <si>
    <t>○橋梁上部工事</t>
    <phoneticPr fontId="7"/>
  </si>
  <si>
    <t>　「設計図書の照査」の範囲を超えると考えられる事例</t>
    <rPh sb="14" eb="15">
      <t>コ</t>
    </rPh>
    <rPh sb="18" eb="19">
      <t>カンガ</t>
    </rPh>
    <rPh sb="23" eb="25">
      <t>ジレイ</t>
    </rPh>
    <phoneticPr fontId="7"/>
  </si>
  <si>
    <t>1) ゲートの設計水位、操作水位を確認したか。</t>
  </si>
  <si>
    <t>2) 仮締め切り等の条件を確認したか。</t>
  </si>
  <si>
    <t>1) 水路切廻し、搬入路等の借地の見通しはあるか。</t>
  </si>
  <si>
    <t>2) 工事時期は決定しているか。</t>
  </si>
  <si>
    <t>3) 旧施設の撤去条件及び撤去時期は明確になっているか。</t>
  </si>
  <si>
    <t>4) スペース、ヤード、工法等の制約条件はあるか。</t>
  </si>
  <si>
    <t>5）環境上特に配慮すべき事項があるか。</t>
  </si>
  <si>
    <t>6）樋門・樋管設置のための用地は確保されているか。</t>
  </si>
  <si>
    <t>7) 近接構造物、地下構造物の有無を確認したか。</t>
  </si>
  <si>
    <t>8）工期を制約する現場条件はあるか。</t>
  </si>
  <si>
    <t>1) 他の河川管理者との調整は済んでいるか。</t>
  </si>
  <si>
    <t>2) 道路管理者との調整は済んでいるか。</t>
  </si>
  <si>
    <t>3) 地元及び地権者との調整は済んでいるか。</t>
  </si>
  <si>
    <t>4）関連する工作物管理者との調整は済んでいるか。</t>
  </si>
  <si>
    <t>1) 地質調査報告書があるか。</t>
  </si>
  <si>
    <t>2）測量成果（平面、縦断、横断）が整備されているか。</t>
  </si>
  <si>
    <t>3) 用地境界が明確であるか。</t>
  </si>
  <si>
    <t>1) 追加調査の必要性はないか。</t>
  </si>
  <si>
    <t>1) 用地境界を確認したか。</t>
  </si>
  <si>
    <t>2）施工ヤード、スペースは確認したか。</t>
  </si>
  <si>
    <t>　②「発注者の意図による事情変更により設計図書が変更又は訂正された場合」について、必要に応じ工期又は請負代金額を変更する必要がある。</t>
    <rPh sb="3" eb="6">
      <t>ハッチュウシャ</t>
    </rPh>
    <rPh sb="7" eb="9">
      <t>イト</t>
    </rPh>
    <rPh sb="12" eb="14">
      <t>ジジョウ</t>
    </rPh>
    <rPh sb="14" eb="16">
      <t>ヘンコウ</t>
    </rPh>
    <rPh sb="19" eb="21">
      <t>セッケイ</t>
    </rPh>
    <rPh sb="21" eb="23">
      <t>トショ</t>
    </rPh>
    <rPh sb="24" eb="26">
      <t>ヘンコウ</t>
    </rPh>
    <rPh sb="26" eb="27">
      <t>マタ</t>
    </rPh>
    <rPh sb="28" eb="30">
      <t>テイセイ</t>
    </rPh>
    <rPh sb="33" eb="35">
      <t>バアイ</t>
    </rPh>
    <rPh sb="41" eb="43">
      <t>ヒツヨウ</t>
    </rPh>
    <rPh sb="44" eb="45">
      <t>オウ</t>
    </rPh>
    <rPh sb="46" eb="48">
      <t>コウキ</t>
    </rPh>
    <rPh sb="48" eb="49">
      <t>マタ</t>
    </rPh>
    <rPh sb="50" eb="52">
      <t>ウケオイ</t>
    </rPh>
    <rPh sb="52" eb="54">
      <t>ダイキン</t>
    </rPh>
    <rPh sb="54" eb="55">
      <t>ガク</t>
    </rPh>
    <rPh sb="56" eb="58">
      <t>ヘンコウ</t>
    </rPh>
    <rPh sb="60" eb="62">
      <t>ヒツヨウ</t>
    </rPh>
    <phoneticPr fontId="7"/>
  </si>
  <si>
    <t>文①</t>
    <rPh sb="0" eb="1">
      <t>ブン</t>
    </rPh>
    <phoneticPr fontId="7"/>
  </si>
  <si>
    <t>文②</t>
    <rPh sb="0" eb="1">
      <t>ブン</t>
    </rPh>
    <phoneticPr fontId="7"/>
  </si>
  <si>
    <t>文③</t>
    <rPh sb="0" eb="1">
      <t>ブン</t>
    </rPh>
    <phoneticPr fontId="7"/>
  </si>
  <si>
    <t>文④</t>
    <rPh sb="0" eb="1">
      <t>ブン</t>
    </rPh>
    <phoneticPr fontId="7"/>
  </si>
  <si>
    <t>文⑤</t>
    <rPh sb="0" eb="1">
      <t>ブン</t>
    </rPh>
    <phoneticPr fontId="7"/>
  </si>
  <si>
    <t>1) 地質調査報告書との整合はとれているか。また地質調査は設計目</t>
    <phoneticPr fontId="7"/>
  </si>
  <si>
    <t>2) 環境状況（振動、騒音、井戸使用等の配慮面及び有毒ガス、酸欠</t>
    <phoneticPr fontId="7"/>
  </si>
  <si>
    <t xml:space="preserve">   空気等の調査）の調査は設計目的に対し十分な内容か。</t>
    <phoneticPr fontId="7"/>
  </si>
  <si>
    <t>1) 数量計算は、数量算出要領と整合しているか。（工種分類、</t>
    <phoneticPr fontId="7"/>
  </si>
  <si>
    <t>8) 公益企業者（埋設占用物件、架空占用物件）との調整は済んでい</t>
    <phoneticPr fontId="7"/>
  </si>
  <si>
    <t xml:space="preserve">   反映されているか。</t>
    <phoneticPr fontId="7"/>
  </si>
  <si>
    <t xml:space="preserve">   　（荷重条件、施工条件、使用材料と規格、許容応力度等） </t>
    <phoneticPr fontId="7"/>
  </si>
  <si>
    <t xml:space="preserve">   　（橋長、支間長、幅員構成、平面・横断線形、座標系等） </t>
    <phoneticPr fontId="7"/>
  </si>
  <si>
    <t xml:space="preserve">   　・一般平面図と縦断図（構造一般図と線形図）</t>
    <phoneticPr fontId="7"/>
  </si>
  <si>
    <t xml:space="preserve">   　・下部工箱抜き図と付属物図（支承配筋図、落橋防止図等）</t>
    <phoneticPr fontId="7"/>
  </si>
  <si>
    <t xml:space="preserve">   　（架設条件が設計図に反映されているか）</t>
    <phoneticPr fontId="7"/>
  </si>
  <si>
    <t>3) 数量取りまとめは種類毎、材料毎に打合わせ区分に合わせてまと</t>
    <phoneticPr fontId="7"/>
  </si>
  <si>
    <t xml:space="preserve">   められているか。</t>
    <phoneticPr fontId="7"/>
  </si>
  <si>
    <t>　</t>
    <phoneticPr fontId="7"/>
  </si>
  <si>
    <r>
      <t>（１）富山市建設工事請負契約約款</t>
    </r>
    <r>
      <rPr>
        <b/>
        <sz val="10.5"/>
        <rFont val="ＭＳ 明朝"/>
        <family val="1"/>
        <charset val="128"/>
      </rPr>
      <t>第18条（条件変更等）</t>
    </r>
    <r>
      <rPr>
        <sz val="10.5"/>
        <rFont val="ＭＳ 明朝"/>
        <family val="1"/>
        <charset val="128"/>
      </rPr>
      <t>（抜粋）</t>
    </r>
    <rPh sb="28" eb="30">
      <t>バッスイ</t>
    </rPh>
    <phoneticPr fontId="7"/>
  </si>
  <si>
    <t>　　(1)　図面、仕様書、現場説明書及び現場説明に対する質問回答書が一致しないこと</t>
    <phoneticPr fontId="7"/>
  </si>
  <si>
    <t>　　　（これらの優先順位が定められている場合を除く。）</t>
    <phoneticPr fontId="7"/>
  </si>
  <si>
    <t xml:space="preserve">    (2)　設計図書に誤り又は脱漏があること</t>
    <rPh sb="13" eb="14">
      <t>アヤマ</t>
    </rPh>
    <phoneticPr fontId="7"/>
  </si>
  <si>
    <t xml:space="preserve">    (3)　設計図書の表示が明確でないこと</t>
    <phoneticPr fontId="7"/>
  </si>
  <si>
    <t>　　　富山市建設工事請負契約約款第18条(条件変更等）　及び土木工事共通仕様書　第1編　１-１-３</t>
    <rPh sb="3" eb="6">
      <t>トヤマシ</t>
    </rPh>
    <rPh sb="6" eb="8">
      <t>ケンセツ</t>
    </rPh>
    <rPh sb="8" eb="10">
      <t>コウジ</t>
    </rPh>
    <rPh sb="10" eb="12">
      <t>ウケオイ</t>
    </rPh>
    <rPh sb="12" eb="14">
      <t>ケイヤク</t>
    </rPh>
    <rPh sb="14" eb="16">
      <t>ヤッカン</t>
    </rPh>
    <rPh sb="16" eb="17">
      <t>ダイ</t>
    </rPh>
    <rPh sb="19" eb="20">
      <t>ジョウ</t>
    </rPh>
    <rPh sb="21" eb="23">
      <t>ジョウケン</t>
    </rPh>
    <rPh sb="23" eb="25">
      <t>ヘンコウ</t>
    </rPh>
    <rPh sb="25" eb="26">
      <t>トウ</t>
    </rPh>
    <rPh sb="28" eb="29">
      <t>オヨ</t>
    </rPh>
    <rPh sb="30" eb="32">
      <t>ドボク</t>
    </rPh>
    <rPh sb="32" eb="34">
      <t>コウジ</t>
    </rPh>
    <rPh sb="34" eb="36">
      <t>キョウツウ</t>
    </rPh>
    <rPh sb="36" eb="39">
      <t>シヨウショ</t>
    </rPh>
    <rPh sb="40" eb="41">
      <t>ダイ</t>
    </rPh>
    <rPh sb="42" eb="43">
      <t>ヘン</t>
    </rPh>
    <phoneticPr fontId="7"/>
  </si>
  <si>
    <t>４．「設計図書の照査」範囲を超える場合の取扱いについて</t>
    <rPh sb="14" eb="15">
      <t>コ</t>
    </rPh>
    <phoneticPr fontId="7"/>
  </si>
  <si>
    <t>備考</t>
    <phoneticPr fontId="7"/>
  </si>
  <si>
    <t>目　　　　次</t>
    <phoneticPr fontId="7"/>
  </si>
  <si>
    <t>文⑥</t>
    <rPh sb="0" eb="1">
      <t>ブン</t>
    </rPh>
    <phoneticPr fontId="7"/>
  </si>
  <si>
    <t>文⑦</t>
    <rPh sb="0" eb="1">
      <t>ブン</t>
    </rPh>
    <phoneticPr fontId="7"/>
  </si>
  <si>
    <t>文⑧</t>
    <rPh sb="0" eb="1">
      <t>ブン</t>
    </rPh>
    <phoneticPr fontId="7"/>
  </si>
  <si>
    <t>データエリア</t>
    <phoneticPr fontId="7"/>
  </si>
  <si>
    <t>富　　山　　市</t>
    <rPh sb="0" eb="1">
      <t>トミ</t>
    </rPh>
    <rPh sb="3" eb="4">
      <t>ヤマ</t>
    </rPh>
    <rPh sb="6" eb="7">
      <t>シ</t>
    </rPh>
    <phoneticPr fontId="7"/>
  </si>
  <si>
    <t xml:space="preserve">    (4)　工事現場の形状、地質、湧水等の状態、施工上の制約等設計図書に示された自然</t>
    <phoneticPr fontId="7"/>
  </si>
  <si>
    <t>　　(5)　設計図書で明示されていない施工条件について予期することのできない特別な状</t>
    <phoneticPr fontId="7"/>
  </si>
  <si>
    <r>
      <t>　　の事実が確認できる資料を書面により</t>
    </r>
    <r>
      <rPr>
        <b/>
        <sz val="10.5"/>
        <rFont val="ＭＳ 明朝"/>
        <family val="1"/>
        <charset val="128"/>
      </rPr>
      <t>提出</t>
    </r>
    <r>
      <rPr>
        <sz val="10.5"/>
        <rFont val="ＭＳ 明朝"/>
        <family val="1"/>
        <charset val="128"/>
      </rPr>
      <t>し、</t>
    </r>
    <r>
      <rPr>
        <b/>
        <sz val="10.5"/>
        <rFont val="ＭＳ 明朝"/>
        <family val="1"/>
        <charset val="128"/>
      </rPr>
      <t>確認</t>
    </r>
    <r>
      <rPr>
        <sz val="10.5"/>
        <rFont val="ＭＳ 明朝"/>
        <family val="1"/>
        <charset val="128"/>
      </rPr>
      <t>を求めなければならない。</t>
    </r>
    <rPh sb="3" eb="5">
      <t>ジジツ</t>
    </rPh>
    <phoneticPr fontId="7"/>
  </si>
  <si>
    <r>
      <t>　　</t>
    </r>
    <r>
      <rPr>
        <b/>
        <sz val="10.5"/>
        <rFont val="ＭＳ ゴシック"/>
        <family val="3"/>
        <charset val="128"/>
      </rPr>
      <t>１号から第５号に係る</t>
    </r>
    <r>
      <rPr>
        <sz val="10.5"/>
        <rFont val="ＭＳ ゴシック"/>
        <family val="3"/>
        <charset val="128"/>
      </rPr>
      <t>設計図書の照査を行い、</t>
    </r>
    <r>
      <rPr>
        <sz val="10.5"/>
        <rFont val="ＭＳ 明朝"/>
        <family val="1"/>
        <charset val="128"/>
      </rPr>
      <t>該当する事実がある場合は、監督員にそ</t>
    </r>
    <rPh sb="3" eb="4">
      <t>ゴウ</t>
    </rPh>
    <phoneticPr fontId="7"/>
  </si>
  <si>
    <t>現地踏査</t>
  </si>
  <si>
    <t>設計図</t>
  </si>
  <si>
    <t>Ⅰ.「設計図書の照査」の基本的考え方</t>
    <rPh sb="3" eb="5">
      <t>セッケイ</t>
    </rPh>
    <rPh sb="5" eb="7">
      <t>トショ</t>
    </rPh>
    <rPh sb="8" eb="10">
      <t>ショウサ</t>
    </rPh>
    <rPh sb="12" eb="15">
      <t>キホンテキ</t>
    </rPh>
    <rPh sb="15" eb="16">
      <t>カンガ</t>
    </rPh>
    <rPh sb="17" eb="18">
      <t>カタ</t>
    </rPh>
    <phoneticPr fontId="7"/>
  </si>
  <si>
    <t>（２）土木工事共通仕様書　第１編共通編　第１章総則</t>
  </si>
  <si>
    <t>１.　設計図書の照査に係わる規定について</t>
    <rPh sb="3" eb="5">
      <t>セッケイ</t>
    </rPh>
    <rPh sb="5" eb="7">
      <t>トショ</t>
    </rPh>
    <rPh sb="8" eb="10">
      <t>ショウサ</t>
    </rPh>
    <rPh sb="11" eb="12">
      <t>カカ</t>
    </rPh>
    <rPh sb="14" eb="16">
      <t>キテイ</t>
    </rPh>
    <phoneticPr fontId="7"/>
  </si>
  <si>
    <t>３．設計図書の訂正又は変更に要する期間</t>
    <phoneticPr fontId="7"/>
  </si>
  <si>
    <t>　　　それぞれの作業の位置付けを下図に示す。</t>
    <rPh sb="8" eb="10">
      <t>サギョウ</t>
    </rPh>
    <rPh sb="11" eb="13">
      <t>イチ</t>
    </rPh>
    <rPh sb="13" eb="14">
      <t>ヅ</t>
    </rPh>
    <rPh sb="16" eb="18">
      <t>シタズ</t>
    </rPh>
    <rPh sb="19" eb="20">
      <t>シメ</t>
    </rPh>
    <phoneticPr fontId="7"/>
  </si>
  <si>
    <t>Ⅰ．「設計図書の照査」の基本的考え方</t>
    <rPh sb="3" eb="7">
      <t>セッケイトショ</t>
    </rPh>
    <rPh sb="8" eb="10">
      <t>ショウサ</t>
    </rPh>
    <rPh sb="12" eb="15">
      <t>キホンテキ</t>
    </rPh>
    <rPh sb="15" eb="16">
      <t>カンガ</t>
    </rPh>
    <rPh sb="17" eb="18">
      <t>カタ</t>
    </rPh>
    <phoneticPr fontId="7"/>
  </si>
  <si>
    <t>３．設計図書の訂正又は変更に要する期間</t>
    <phoneticPr fontId="7"/>
  </si>
  <si>
    <t>目　　次</t>
    <rPh sb="0" eb="1">
      <t>メ</t>
    </rPh>
    <rPh sb="3" eb="4">
      <t>ツギ</t>
    </rPh>
    <phoneticPr fontId="7"/>
  </si>
  <si>
    <r>
      <t>　１－１－３　設計図書の照査等　</t>
    </r>
    <r>
      <rPr>
        <sz val="10.5"/>
        <rFont val="ＭＳ 明朝"/>
        <family val="1"/>
        <charset val="128"/>
      </rPr>
      <t>（抜粋）</t>
    </r>
    <rPh sb="17" eb="19">
      <t>バッスイ</t>
    </rPh>
    <phoneticPr fontId="7"/>
  </si>
  <si>
    <r>
      <t>　　　なお、</t>
    </r>
    <r>
      <rPr>
        <b/>
        <sz val="10.5"/>
        <rFont val="ＭＳ 明朝"/>
        <family val="1"/>
        <charset val="128"/>
      </rPr>
      <t>確認</t>
    </r>
    <r>
      <rPr>
        <sz val="10.5"/>
        <rFont val="ＭＳ 明朝"/>
        <family val="1"/>
        <charset val="128"/>
      </rPr>
      <t>できる資料とは、現地地形図、設計図との対比図、取合い図、施工図等を</t>
    </r>
    <rPh sb="17" eb="18">
      <t>チ</t>
    </rPh>
    <phoneticPr fontId="7"/>
  </si>
  <si>
    <t>　　場合は従わなければならない。</t>
    <rPh sb="2" eb="4">
      <t>バアイ</t>
    </rPh>
    <phoneticPr fontId="7"/>
  </si>
  <si>
    <t>　　　また、設計図書の照査によって、計画の見直し、図面の再作成、構造計算の再計算、追加調査</t>
    <rPh sb="6" eb="10">
      <t>セッケイトショ</t>
    </rPh>
    <rPh sb="11" eb="13">
      <t>ショウサ</t>
    </rPh>
    <rPh sb="18" eb="20">
      <t>ケイカク</t>
    </rPh>
    <rPh sb="21" eb="23">
      <t>ミナオ</t>
    </rPh>
    <rPh sb="25" eb="27">
      <t>ズメン</t>
    </rPh>
    <rPh sb="28" eb="29">
      <t>サイ</t>
    </rPh>
    <rPh sb="29" eb="31">
      <t>サクセイ</t>
    </rPh>
    <rPh sb="32" eb="34">
      <t>コウゾウ</t>
    </rPh>
    <rPh sb="34" eb="36">
      <t>ケイサン</t>
    </rPh>
    <rPh sb="37" eb="40">
      <t>サイケイサン</t>
    </rPh>
    <rPh sb="41" eb="43">
      <t>ツイカ</t>
    </rPh>
    <rPh sb="43" eb="45">
      <t>チョウサ</t>
    </rPh>
    <phoneticPr fontId="7"/>
  </si>
  <si>
    <t>　　等が生じた場合、それらに要する費用の負担は発注者の責任において行うものとする。</t>
    <phoneticPr fontId="7"/>
  </si>
  <si>
    <t>　責任において行うものとする。</t>
    <phoneticPr fontId="7"/>
  </si>
  <si>
    <r>
      <t xml:space="preserve">  「</t>
    </r>
    <r>
      <rPr>
        <sz val="10.5"/>
        <color indexed="8"/>
        <rFont val="ＭＳ 明朝"/>
        <family val="1"/>
        <charset val="128"/>
      </rPr>
      <t>設計図書の照査」の範囲を超えた設計図書の訂正又は変更に要する費用の負担は、発注者の</t>
    </r>
    <rPh sb="42" eb="43">
      <t>シャ</t>
    </rPh>
    <phoneticPr fontId="7"/>
  </si>
  <si>
    <t>1) 架設条件は決定しているか。</t>
  </si>
  <si>
    <t>2) 環境対策は決定しているか。</t>
  </si>
  <si>
    <t>3) 運搬路、迂回路、ヤード確保の見通しはあるか。</t>
  </si>
  <si>
    <t>4) 近接構造物の有無に対する確認はおこなったか。</t>
  </si>
  <si>
    <t>1) 河川管理者との調整は済んでいるか。</t>
  </si>
  <si>
    <t>2) 道路管理者との調整は済んでいるか。（工事用道路含む）</t>
  </si>
  <si>
    <t>3) 港湾管理者との調整は済んでいるか。</t>
  </si>
  <si>
    <t>4) 鉄道との調整は済んでいるか。</t>
  </si>
  <si>
    <t>5) 警察との調整は済んでいるか。</t>
  </si>
  <si>
    <t>6) 地元及び地権者との調整は済んでいるか。</t>
  </si>
  <si>
    <t>7) 添架企業者との調整は済んでいるか。</t>
  </si>
  <si>
    <t>8) 公益企業者（埋設占用物件）との調整は済んでいるか。</t>
  </si>
  <si>
    <t>9) 漁業利権者との調整は済んでいるか。</t>
  </si>
  <si>
    <t>1) 地質調査報告書（必要な本数、調査項目）はあるか。</t>
  </si>
  <si>
    <t>2) 測量成果報告書（平面、横断、縦断）はあるか。</t>
  </si>
  <si>
    <t>1) 環境状況（振動、騒音等の配慮）は把握したか。</t>
  </si>
  <si>
    <t>2) 支障物件の状況は把握したか。</t>
  </si>
  <si>
    <t>3) 施工時の注意事項は把握したか。</t>
  </si>
  <si>
    <t>1) 用地境界は確認したか。</t>
  </si>
  <si>
    <t>2) 施工ヤードスペースは確認したか。</t>
  </si>
  <si>
    <t>3) 資機材運搬路は確保できるか。</t>
  </si>
  <si>
    <t>その他</t>
  </si>
  <si>
    <t>1) 一般図には必要な項目が記載されているか。</t>
  </si>
  <si>
    <t>2) 構造図の基本寸法、座標値、高さ関係は照合されているか。</t>
  </si>
  <si>
    <t>3) 各設計図がお互いに整合されているか。</t>
  </si>
  <si>
    <t>4) 使用材料は明記されているか。</t>
  </si>
  <si>
    <t>5) 設計計算書の結果が正しく図面に反映されているか。</t>
  </si>
  <si>
    <t>2) 数量計算に用いた寸法、数値は図面と一致するか。</t>
  </si>
  <si>
    <t>1) 工事時期と工程が明確になっているか。</t>
  </si>
  <si>
    <t>2) 標準的交通処理計画が明確になっているか。</t>
  </si>
  <si>
    <t>2) 鉄道管理者との調整は済んでいるか。</t>
  </si>
  <si>
    <t>3) 高架橋管理者との調整は済んでいるか。</t>
  </si>
  <si>
    <t>4) 道路管理者との調整は済んでいるか。</t>
  </si>
  <si>
    <t>6) 溝内排水の流末処理に関する関連部所との調整はとれているか。</t>
  </si>
  <si>
    <t>1) 地質調査報告書はあるか。</t>
  </si>
  <si>
    <t>2) 測量報告書（平面、縦断、横断等）はあるか。</t>
  </si>
  <si>
    <t>3) その他共通仕様書及び特記仕様書に示される資料はあるか。</t>
  </si>
  <si>
    <t>1) 各設計図がお互いに整合されているか。</t>
  </si>
  <si>
    <t>関連資料の確認</t>
  </si>
  <si>
    <t>3) 構造物の施工性に問題はないか。</t>
  </si>
  <si>
    <t>3) 設計計算書等（下部工、隣接工区等含む）はあるか。</t>
  </si>
  <si>
    <t>1) 使用されている設計基準等は適切か。</t>
  </si>
  <si>
    <t>2) 設計基本条件は適切か。</t>
  </si>
  <si>
    <t>3) 構造・線形条件は妥当か。</t>
  </si>
  <si>
    <t xml:space="preserve">4) その他（標識、照明、高欄等の付属構造物等） </t>
  </si>
  <si>
    <t>5) 新技術の活用、コスト縮減対策が検討されているか。</t>
  </si>
  <si>
    <t>6) 下部工、隣接工区等との整合はとれているか。</t>
  </si>
  <si>
    <t>7) 設計図等に基づいた適正な施工が可能か。</t>
  </si>
  <si>
    <t>設計計算書</t>
  </si>
  <si>
    <t>2）支障物件（地下埋設物、既設樋管との離れ等）の状況を把握した</t>
    <phoneticPr fontId="7"/>
  </si>
  <si>
    <t xml:space="preserve">   か。</t>
    <phoneticPr fontId="7"/>
  </si>
  <si>
    <t xml:space="preserve">   　追加ボーリングは必要ないか。</t>
    <phoneticPr fontId="7"/>
  </si>
  <si>
    <t xml:space="preserve">   　軟弱地盤の判断に必要な資料はあるか。</t>
    <phoneticPr fontId="7"/>
  </si>
  <si>
    <t xml:space="preserve">   　（圧密沈下、液状化、地盤支持力、法面安定、側方移動等）</t>
    <phoneticPr fontId="7"/>
  </si>
  <si>
    <t>1) 施工上の制約条件を確認したか。</t>
    <phoneticPr fontId="7"/>
  </si>
  <si>
    <t xml:space="preserve">   　（スペース、交通条件、水の切廻し）</t>
    <phoneticPr fontId="7"/>
  </si>
  <si>
    <t xml:space="preserve">   　（水位、地質条件等）</t>
    <phoneticPr fontId="7"/>
  </si>
  <si>
    <t xml:space="preserve">   　・一般平面図と縦断図</t>
    <phoneticPr fontId="7"/>
  </si>
  <si>
    <t xml:space="preserve">   　・構造図と配筋図</t>
    <phoneticPr fontId="7"/>
  </si>
  <si>
    <t xml:space="preserve">   　・構造図と仮設図</t>
    <phoneticPr fontId="7"/>
  </si>
  <si>
    <t xml:space="preserve">   　（特に応力計算、安定計算等の結果が適用範囲も含めて整合し</t>
    <phoneticPr fontId="7"/>
  </si>
  <si>
    <t xml:space="preserve">   　　ているか。） </t>
    <phoneticPr fontId="7"/>
  </si>
  <si>
    <t xml:space="preserve">   　・壁厚</t>
    <phoneticPr fontId="7"/>
  </si>
  <si>
    <t xml:space="preserve">   　・鋼材形状、寸法</t>
    <phoneticPr fontId="7"/>
  </si>
  <si>
    <t xml:space="preserve">   　・使用材料</t>
    <phoneticPr fontId="7"/>
  </si>
  <si>
    <t xml:space="preserve">   　・鉄筋（径、ピッチ、使用材料、ラップ位置、ラップ長、</t>
    <phoneticPr fontId="7"/>
  </si>
  <si>
    <t xml:space="preserve">   　　　　　主鉄筋の定着長、段落し位置、ガス圧接位置）</t>
    <phoneticPr fontId="7"/>
  </si>
  <si>
    <t>1) 数量計算は、数量算出要領と整合しているか。（有効数字、</t>
    <phoneticPr fontId="7"/>
  </si>
  <si>
    <t xml:space="preserve">   位取り、単位、区分等）</t>
    <phoneticPr fontId="7"/>
  </si>
  <si>
    <t>Ｎｏ</t>
    <phoneticPr fontId="7"/>
  </si>
  <si>
    <t>項目</t>
    <phoneticPr fontId="7"/>
  </si>
  <si>
    <t>主な内容</t>
    <phoneticPr fontId="7"/>
  </si>
  <si>
    <t>Ｎｏ</t>
    <phoneticPr fontId="7"/>
  </si>
  <si>
    <t>項目</t>
    <phoneticPr fontId="7"/>
  </si>
  <si>
    <t>主な内容</t>
    <phoneticPr fontId="7"/>
  </si>
  <si>
    <t xml:space="preserve">   　軟弱地盤の判定に必要な資料はあるか。</t>
    <phoneticPr fontId="7"/>
  </si>
  <si>
    <t xml:space="preserve">   　（スペース、交通条件、水の切廻し） </t>
    <phoneticPr fontId="7"/>
  </si>
  <si>
    <t xml:space="preserve">   　（構造物と寸法線の使い分けがなされているか）</t>
    <phoneticPr fontId="7"/>
  </si>
  <si>
    <t xml:space="preserve">   　（特に応力計算、安定計算等の結果が適用範囲も含めて整合さ</t>
    <phoneticPr fontId="7"/>
  </si>
  <si>
    <t xml:space="preserve">   　　れているか）</t>
    <phoneticPr fontId="7"/>
  </si>
  <si>
    <t xml:space="preserve">   　　　　　主鉄筋の定着長、ガス圧接位置）</t>
    <phoneticPr fontId="7"/>
  </si>
  <si>
    <t>3) 数量とりまとめは種類毎、材料毎の打合せ区分に合わせてまとめ</t>
    <phoneticPr fontId="7"/>
  </si>
  <si>
    <t xml:space="preserve">   られているか。</t>
    <phoneticPr fontId="7"/>
  </si>
  <si>
    <t>（平面交差点、構造物を含む）</t>
    <phoneticPr fontId="7"/>
  </si>
  <si>
    <t xml:space="preserve">   　（道路、河川、鉄道、公安委員会、等）</t>
    <phoneticPr fontId="7"/>
  </si>
  <si>
    <t>関連機関との調整</t>
    <phoneticPr fontId="7"/>
  </si>
  <si>
    <t>及び協議関連資料</t>
    <phoneticPr fontId="7"/>
  </si>
  <si>
    <t>9) 上位計画、開発行為及び電線類地中化の計画が明確になっている</t>
    <phoneticPr fontId="7"/>
  </si>
  <si>
    <t xml:space="preserve">   　か。</t>
    <phoneticPr fontId="7"/>
  </si>
  <si>
    <t xml:space="preserve">   ①排水系統（用水か排水か）及び断面の調査は明確になっている</t>
    <phoneticPr fontId="7"/>
  </si>
  <si>
    <t xml:space="preserve">   ②水路管理者と協議してあるか。</t>
    <phoneticPr fontId="7"/>
  </si>
  <si>
    <t xml:space="preserve">   　（道路、河川、鉄道、公安委員会等） </t>
    <phoneticPr fontId="7"/>
  </si>
  <si>
    <t xml:space="preserve">   るか。</t>
    <phoneticPr fontId="7"/>
  </si>
  <si>
    <t>1) 数量計算は、数量算出要領と整合しているか。(有効数字、</t>
    <phoneticPr fontId="7"/>
  </si>
  <si>
    <t xml:space="preserve">   　・その他</t>
    <phoneticPr fontId="7"/>
  </si>
  <si>
    <t xml:space="preserve">   　（設計条件、地質条件、建築限界等） </t>
    <phoneticPr fontId="7"/>
  </si>
  <si>
    <t xml:space="preserve">   　・鉄筋（径ピッチ、使用材料、ラップ位置、ラップ長、</t>
    <phoneticPr fontId="7"/>
  </si>
  <si>
    <t xml:space="preserve">   　・その他</t>
    <phoneticPr fontId="7"/>
  </si>
  <si>
    <t>１　照査項目チェックリストの作成手順</t>
    <phoneticPr fontId="7"/>
  </si>
  <si>
    <t>　　　　的又は人為的な施工条件と実際の工事現場が一致しないこと</t>
    <rPh sb="4" eb="5">
      <t>テキ</t>
    </rPh>
    <phoneticPr fontId="7"/>
  </si>
  <si>
    <t>　 　　態が生じたこと</t>
    <rPh sb="4" eb="5">
      <t>タイ</t>
    </rPh>
    <phoneticPr fontId="7"/>
  </si>
  <si>
    <t>はじめに</t>
    <phoneticPr fontId="7"/>
  </si>
  <si>
    <t>設計基本条件</t>
  </si>
  <si>
    <t>施工上の基本条件</t>
  </si>
  <si>
    <t>関連機関との調整</t>
  </si>
  <si>
    <t>資料の確認</t>
  </si>
  <si>
    <t>地盤条件</t>
  </si>
  <si>
    <t>地形条件</t>
  </si>
  <si>
    <t>施工条件</t>
  </si>
  <si>
    <t>1) 環境状況（工事における振動、騒音等の配慮面）を把握したか。</t>
  </si>
  <si>
    <t>1) 全体一般図に必要な項目を記載しているか。</t>
  </si>
  <si>
    <t>2) 使用材料は計算書と一致しているか。</t>
  </si>
  <si>
    <t>3) 水位等、設計条件が図面に明示されているか。</t>
  </si>
  <si>
    <t>4) 図面が明瞭に描かれているか。</t>
  </si>
  <si>
    <t>5) 各設計図が相互に整合しているか。</t>
  </si>
  <si>
    <t>6) 設計計算書の結果が正しく図面に反映されているか。</t>
  </si>
  <si>
    <t>数量計算</t>
  </si>
  <si>
    <t>1) 締切水位は決定しているか、又は水文資料はあるか。</t>
  </si>
  <si>
    <t>2) 瀬替､水替時流量決定のための､水文資料等はあるか。</t>
  </si>
  <si>
    <t>1) 運搬路、切廻し河道、ヤード確保の見通しはあるか。</t>
  </si>
  <si>
    <t>1) 他の工作物管理者との調整は済んでいるか。</t>
  </si>
  <si>
    <t>2) 地権者及び地元等との調整は済んでいるか。</t>
  </si>
  <si>
    <t>3) 占用者との調整は済んでいるか</t>
  </si>
  <si>
    <t>1) 測量成果（平面、横断、縦断）は整理されているか。</t>
  </si>
  <si>
    <t>2) 地質調査報告書は整理されているか。</t>
  </si>
  <si>
    <t>3) 用排水路系統図は整理されているか。</t>
  </si>
  <si>
    <t>1) 追加調査の必要はないか。</t>
  </si>
  <si>
    <t>1) 施工上の制約条件を確認したか。</t>
  </si>
  <si>
    <t>2) 工事時期を確認したか。</t>
  </si>
  <si>
    <t>1) 支障物件の状況を把握したか。</t>
  </si>
  <si>
    <t>1) 貸与資料の不足点、追加事項があるか。</t>
  </si>
  <si>
    <t>1) 平面図には必要な工事内容が明示されているか。</t>
  </si>
  <si>
    <t>2) 構造物の基本寸法、高さ関係は照合されているか。</t>
  </si>
  <si>
    <t>4) 構造詳細は適用基準及び打合せ事項と整合しているか。</t>
  </si>
  <si>
    <t>5) 解り易い注記が付いているか。</t>
  </si>
  <si>
    <t>6) 水位等設計条件が図面に明示されているか。</t>
  </si>
  <si>
    <t>7) 図面が明瞭に描かれているか。</t>
  </si>
  <si>
    <t>8) 各設計図がお互いに整合されているか。</t>
  </si>
  <si>
    <t>9) 設計計算書の結果が正しく図面に反映されているか。</t>
  </si>
  <si>
    <t>1) 数量計算は、数量算出要領と整合しているか。</t>
  </si>
  <si>
    <t>2) 数量計算に用いた寸法は図面と一致するか。</t>
  </si>
  <si>
    <t>1) 施工上の留意点があるか。</t>
  </si>
  <si>
    <t>1) 交差協議の調整が済んでいるか。</t>
  </si>
  <si>
    <t>2) 地元及び地権者との調整が済んでいるか。</t>
  </si>
  <si>
    <t>3) バス路線となるかどうか。</t>
  </si>
  <si>
    <t>4) 水路管理者との協議は済んでいるか。</t>
  </si>
  <si>
    <t>5) 地下占有企業者との調整が済んでいるか。</t>
  </si>
  <si>
    <t>6) 保安林及び埋蔵文化財等との調整が済んでいるか。</t>
  </si>
  <si>
    <t>8) 都市計画及び土地利用が明確になっているか。</t>
  </si>
  <si>
    <t>10)土砂の処理場または土取場の位置、規模は明確になっているか。</t>
  </si>
  <si>
    <t>11)休憩施設、チェ－ン着脱場等の計画が明確になっているか。</t>
  </si>
  <si>
    <t>1) 地質調査報告書があるか。又、内容は充分か。</t>
  </si>
  <si>
    <t>2) 測量成果（平面、縦断、横断）があるか。</t>
  </si>
  <si>
    <t>3) 埋設物台帳があるか。</t>
  </si>
  <si>
    <t>1) 排水工の計画条件は確認しているか。</t>
  </si>
  <si>
    <t>1) 標識計画はあるか。</t>
  </si>
  <si>
    <t>施工上の留意点</t>
  </si>
  <si>
    <t>貸与資料の確認</t>
  </si>
  <si>
    <t>計画条件の確認</t>
  </si>
  <si>
    <t>付帯施設の必要性</t>
  </si>
  <si>
    <t>4) 地下占用企業者との調整が済んでいるか。</t>
  </si>
  <si>
    <t>5) 保安林及び埋蔵文化財等との調整が済んでいるか。</t>
  </si>
  <si>
    <t>7) 都市計画及び土地利用が明確になっているか。</t>
  </si>
  <si>
    <t>8) 上位計画及び開発行為が明確になっているか。</t>
  </si>
  <si>
    <t>9) 電線類等の地下埋設計画があるか。</t>
  </si>
  <si>
    <t>1) 測量成果（平面、縦断、横断）があるか。</t>
  </si>
  <si>
    <t>2) 地質調査報告書があるか。</t>
  </si>
  <si>
    <t>3) 埋設物調査資料があるか。</t>
  </si>
  <si>
    <t>1) 用、排水工の計画は明確になっているか。</t>
  </si>
  <si>
    <t>1) 用地上の巾杭表はあるか。</t>
  </si>
  <si>
    <t>＜平面交差点設計＞</t>
  </si>
  <si>
    <t>用地条件</t>
  </si>
  <si>
    <t>1) 各設計図が相互に整合しているか。</t>
  </si>
  <si>
    <t>2) 設計計算書の結果が正しく図面に反映されているか。</t>
  </si>
  <si>
    <t>＜構造物＞</t>
  </si>
  <si>
    <t>数量計算</t>
    <phoneticPr fontId="7"/>
  </si>
  <si>
    <t>照　査　項　目　一　覧　表</t>
    <phoneticPr fontId="7"/>
  </si>
  <si>
    <t>Ⅱ．土木工事設計図書の照査項目チェックリストの活用について</t>
    <rPh sb="2" eb="4">
      <t>ドボク</t>
    </rPh>
    <rPh sb="4" eb="6">
      <t>コウジ</t>
    </rPh>
    <rPh sb="6" eb="8">
      <t>セッケイ</t>
    </rPh>
    <rPh sb="8" eb="10">
      <t>トショ</t>
    </rPh>
    <rPh sb="11" eb="13">
      <t>ショウサ</t>
    </rPh>
    <rPh sb="13" eb="15">
      <t>コウモク</t>
    </rPh>
    <rPh sb="23" eb="25">
      <t>カツヨウ</t>
    </rPh>
    <phoneticPr fontId="7"/>
  </si>
  <si>
    <t>　　富山市建設工事請負契約約款において、１８条第３項に定める調査結果の通知については、</t>
    <phoneticPr fontId="7"/>
  </si>
  <si>
    <t>・・・・・　９</t>
    <phoneticPr fontId="7"/>
  </si>
  <si>
    <t>・・・・・２９</t>
    <phoneticPr fontId="7"/>
  </si>
  <si>
    <t>3) 形状寸法、使用材料及びその配置は計算書と一致しているか。</t>
  </si>
  <si>
    <t>4) 横断面図による面積計算、長さ計算の縮尺は図面に整合している</t>
    <phoneticPr fontId="7"/>
  </si>
  <si>
    <t>の整理</t>
    <phoneticPr fontId="7"/>
  </si>
  <si>
    <t>2) 照明・信号機（電気設備）は計画されているか。</t>
  </si>
  <si>
    <t>2) 数量計算に用いた記号、寸法は図面と一致するか。</t>
  </si>
  <si>
    <t xml:space="preserve">   　（ 道路、河川、鉄道、公安委員会等）</t>
    <phoneticPr fontId="7"/>
  </si>
  <si>
    <t xml:space="preserve">   　・鋼材形状寸法・使用材料</t>
    <phoneticPr fontId="7"/>
  </si>
  <si>
    <t>4) 橋台の後打ちコンクリートを分離して計上しているか。</t>
  </si>
  <si>
    <t>3) 軟弱地盤の判定に必要な資料（側方移動、液状化、圧密沈下等）</t>
    <phoneticPr fontId="7"/>
  </si>
  <si>
    <t xml:space="preserve">   はあるか。</t>
    <phoneticPr fontId="7"/>
  </si>
  <si>
    <t xml:space="preserve">   埋設物、支障物件、周辺施設との近接等、施工条件が設計計画に</t>
    <phoneticPr fontId="7"/>
  </si>
  <si>
    <t>1) 用地境界は確認したか。</t>
    <phoneticPr fontId="7"/>
  </si>
  <si>
    <t xml:space="preserve">   　（法線、築堤護岸、付属構造物等）</t>
    <phoneticPr fontId="7"/>
  </si>
  <si>
    <t>1) 埋設物、支障物件、周辺施設との近接等、施工条件が設計計画に</t>
    <phoneticPr fontId="7"/>
  </si>
  <si>
    <t xml:space="preserve">   的に対し十分な内容か。</t>
    <phoneticPr fontId="7"/>
  </si>
  <si>
    <t xml:space="preserve">   　　れているか。） </t>
    <phoneticPr fontId="7"/>
  </si>
  <si>
    <t xml:space="preserve">   単位、有効数字、位取り、区分等)</t>
    <phoneticPr fontId="7"/>
  </si>
  <si>
    <t xml:space="preserve">2) 数量計算に用いた数値は､設計図面と一致しているか｡ </t>
  </si>
  <si>
    <t>の整理</t>
    <phoneticPr fontId="7"/>
  </si>
  <si>
    <t>5) 公益企業者（埋設占用物件）との調整は済んでいるか。</t>
    <phoneticPr fontId="7"/>
  </si>
  <si>
    <t xml:space="preserve">7) 公害防止条例等の適用区域及び規制値が明確になっているか｡ </t>
    <rPh sb="9" eb="10">
      <t>トウ</t>
    </rPh>
    <phoneticPr fontId="7"/>
  </si>
  <si>
    <t xml:space="preserve">6) 公害防止条例等の適用区域及び規制値が明確になっているか｡ </t>
    <rPh sb="9" eb="10">
      <t>トウ</t>
    </rPh>
    <phoneticPr fontId="7"/>
  </si>
  <si>
    <t>　①「設計図書と工事現場の不一致、設計図書の誤り又は脱漏、予期し得ない施工条件が認められた場合。」</t>
    <rPh sb="3" eb="5">
      <t>セッケイ</t>
    </rPh>
    <rPh sb="5" eb="7">
      <t>トショ</t>
    </rPh>
    <rPh sb="8" eb="10">
      <t>コウジ</t>
    </rPh>
    <rPh sb="10" eb="12">
      <t>ゲンバ</t>
    </rPh>
    <rPh sb="13" eb="16">
      <t>フイッチ</t>
    </rPh>
    <rPh sb="17" eb="19">
      <t>セッケイ</t>
    </rPh>
    <rPh sb="19" eb="21">
      <t>トショ</t>
    </rPh>
    <rPh sb="22" eb="23">
      <t>アヤマ</t>
    </rPh>
    <rPh sb="24" eb="25">
      <t>マタ</t>
    </rPh>
    <rPh sb="26" eb="27">
      <t>ダツ</t>
    </rPh>
    <rPh sb="27" eb="28">
      <t>モ</t>
    </rPh>
    <rPh sb="29" eb="31">
      <t>ヨキ</t>
    </rPh>
    <rPh sb="32" eb="33">
      <t>エ</t>
    </rPh>
    <rPh sb="35" eb="37">
      <t>セコウ</t>
    </rPh>
    <rPh sb="37" eb="39">
      <t>ジョウケン</t>
    </rPh>
    <rPh sb="40" eb="41">
      <t>ミト</t>
    </rPh>
    <rPh sb="45" eb="47">
      <t>バアイ</t>
    </rPh>
    <phoneticPr fontId="7"/>
  </si>
  <si>
    <t>①施工前に行う設計図書の照査時に、工事内容から判断して照査が必要と考えられる項目には「照査対象」欄の「有」にチェックをし、必要ないと考えられる項目には「無」にチェックを入れる。</t>
    <phoneticPr fontId="7"/>
  </si>
  <si>
    <t xml:space="preserve">なお、施工前には確認できないが将来的に照査が必要な項目にも「有」にチェックを入れるものとし、照査の各段階でそれぞれ見直すこととする。
</t>
    <phoneticPr fontId="7"/>
  </si>
  <si>
    <t>④チェックリストを工事打合せ簿に添付して監督員に提出し、照査状況および結果を報告する。</t>
    <phoneticPr fontId="7"/>
  </si>
  <si>
    <t>①施工前及び施工途中の各照査段階において、照査を実施した項目にチェックと日付を記載し、完了している照査項目、今回実施した照査項目、照査対象であるが未照査項目を明確にする。</t>
    <phoneticPr fontId="7"/>
  </si>
  <si>
    <t>②１つの照査項目の中に複数の確認事項がある場合、打合せ簿、備考欄、別紙等を用いて確認済の内容がわかるようにする。</t>
    <phoneticPr fontId="7"/>
  </si>
  <si>
    <t>③照査内容の項目が漠然としており、発注者の認識と異なる恐れがあると判断される場合は、備考欄等に具体の確認項目を明確にしておく。</t>
    <phoneticPr fontId="7"/>
  </si>
  <si>
    <t>④特記仕様書、工事内容、規模、重要度等により、照査項目や内容を追加する必要がある場合は、項目を追加して利用する。</t>
    <phoneticPr fontId="7"/>
  </si>
  <si>
    <t xml:space="preserve">ただし、工事によっては照査の必要がない項目も含まれることになるが、「照査対象」欄の「無」にチェックすることも照査の一部と考えられることから、チェックリストから項目を削除することは行わないこと。
</t>
    <phoneticPr fontId="7"/>
  </si>
  <si>
    <t>Ⅱ．土木工事設計図書の照査項目チェックリストの
　　活用について</t>
    <phoneticPr fontId="7"/>
  </si>
  <si>
    <t>２　照査項目チェックリスト作成にあたっての留意事項</t>
    <phoneticPr fontId="7"/>
  </si>
  <si>
    <t>文⑨</t>
    <rPh sb="0" eb="1">
      <t>ブン</t>
    </rPh>
    <phoneticPr fontId="7"/>
  </si>
  <si>
    <t>文⑩</t>
    <rPh sb="0" eb="1">
      <t>ブン</t>
    </rPh>
    <phoneticPr fontId="7"/>
  </si>
  <si>
    <t>文⑪</t>
    <rPh sb="0" eb="1">
      <t>ブン</t>
    </rPh>
    <phoneticPr fontId="7"/>
  </si>
  <si>
    <t>文⑫</t>
    <rPh sb="0" eb="1">
      <t>ブン</t>
    </rPh>
    <phoneticPr fontId="7"/>
  </si>
  <si>
    <t>No.</t>
  </si>
  <si>
    <t>項　　目</t>
  </si>
  <si>
    <t>主な内容</t>
  </si>
  <si>
    <t>2-1</t>
  </si>
  <si>
    <t>2-2</t>
  </si>
  <si>
    <t>2-3</t>
  </si>
  <si>
    <t>2-4</t>
  </si>
  <si>
    <t>2-5</t>
  </si>
  <si>
    <t>2-6</t>
  </si>
  <si>
    <t>2-7</t>
  </si>
  <si>
    <t>2-8</t>
  </si>
  <si>
    <t>2-9</t>
  </si>
  <si>
    <t>2-10</t>
  </si>
  <si>
    <t>2-11</t>
  </si>
  <si>
    <t>3-2</t>
  </si>
  <si>
    <t>3-3</t>
  </si>
  <si>
    <t>3-4</t>
  </si>
  <si>
    <t>3-5</t>
  </si>
  <si>
    <t>3-6</t>
  </si>
  <si>
    <t>3-7</t>
  </si>
  <si>
    <t>3-8</t>
  </si>
  <si>
    <t>3-9</t>
  </si>
  <si>
    <t>3-10</t>
  </si>
  <si>
    <t>3-11</t>
  </si>
  <si>
    <t>3-12</t>
  </si>
  <si>
    <t>3-13</t>
  </si>
  <si>
    <t>3-14</t>
  </si>
  <si>
    <t>3-15</t>
  </si>
  <si>
    <t>3-16</t>
  </si>
  <si>
    <t>3-17</t>
  </si>
  <si>
    <t>3-18</t>
  </si>
  <si>
    <t>周囲の地盤や構造物に変状を与えないように、締切盛土着手前に現状地盤を確認したか</t>
    <rPh sb="0" eb="2">
      <t>シュウイ</t>
    </rPh>
    <rPh sb="3" eb="5">
      <t>ジバン</t>
    </rPh>
    <rPh sb="6" eb="9">
      <t>コウゾウブツ</t>
    </rPh>
    <rPh sb="10" eb="11">
      <t>ヘン</t>
    </rPh>
    <rPh sb="11" eb="12">
      <t>ジョウ</t>
    </rPh>
    <rPh sb="13" eb="14">
      <t>アタ</t>
    </rPh>
    <rPh sb="21" eb="23">
      <t>シメキリ</t>
    </rPh>
    <rPh sb="23" eb="24">
      <t>モリ</t>
    </rPh>
    <rPh sb="24" eb="25">
      <t>ド</t>
    </rPh>
    <rPh sb="25" eb="27">
      <t>チャクシュ</t>
    </rPh>
    <rPh sb="27" eb="28">
      <t>マエ</t>
    </rPh>
    <rPh sb="29" eb="31">
      <t>ゲンジョウ</t>
    </rPh>
    <rPh sb="31" eb="33">
      <t>ジバン</t>
    </rPh>
    <rPh sb="34" eb="36">
      <t>カクニン</t>
    </rPh>
    <phoneticPr fontId="5"/>
  </si>
  <si>
    <t>4-2</t>
  </si>
  <si>
    <t>4-3</t>
  </si>
  <si>
    <t>4-4</t>
  </si>
  <si>
    <t>4-6</t>
  </si>
  <si>
    <t>4-7</t>
  </si>
  <si>
    <t>4-8</t>
  </si>
  <si>
    <t>4-9</t>
  </si>
  <si>
    <t>4-10</t>
  </si>
  <si>
    <t>4-11</t>
  </si>
  <si>
    <t>4-12</t>
  </si>
  <si>
    <t>4-13</t>
  </si>
  <si>
    <t>4-14</t>
  </si>
  <si>
    <t>提出年月日：　　　．　　　　．　　　</t>
    <rPh sb="0" eb="2">
      <t>テイシュツ</t>
    </rPh>
    <rPh sb="2" eb="5">
      <t>ネンガッピ</t>
    </rPh>
    <phoneticPr fontId="7"/>
  </si>
  <si>
    <t>照査項目チェックリスト</t>
    <rPh sb="0" eb="2">
      <t>ショウサ</t>
    </rPh>
    <rPh sb="2" eb="4">
      <t>コウモク</t>
    </rPh>
    <phoneticPr fontId="7"/>
  </si>
  <si>
    <t>工事名：　　　　　　　　　　　　　　    　　　　　　　　　　　　</t>
    <rPh sb="0" eb="3">
      <t>コウジメイ</t>
    </rPh>
    <phoneticPr fontId="7"/>
  </si>
  <si>
    <t>照査
対象</t>
    <rPh sb="0" eb="2">
      <t>ショウサ</t>
    </rPh>
    <rPh sb="3" eb="5">
      <t>タイショウ</t>
    </rPh>
    <phoneticPr fontId="7"/>
  </si>
  <si>
    <t>照査
実施</t>
    <rPh sb="0" eb="2">
      <t>ショウサ</t>
    </rPh>
    <rPh sb="3" eb="5">
      <t>ジッシ</t>
    </rPh>
    <phoneticPr fontId="7"/>
  </si>
  <si>
    <t>該当
事実</t>
    <rPh sb="0" eb="2">
      <t>ガイトウ</t>
    </rPh>
    <rPh sb="3" eb="5">
      <t>ジジツ</t>
    </rPh>
    <phoneticPr fontId="7"/>
  </si>
  <si>
    <t>備考</t>
    <rPh sb="0" eb="2">
      <t>ビコウ</t>
    </rPh>
    <phoneticPr fontId="7"/>
  </si>
  <si>
    <t>有</t>
    <rPh sb="0" eb="1">
      <t>ア</t>
    </rPh>
    <phoneticPr fontId="7"/>
  </si>
  <si>
    <t>無</t>
    <rPh sb="0" eb="1">
      <t>ナ</t>
    </rPh>
    <phoneticPr fontId="7"/>
  </si>
  <si>
    <t>済</t>
    <rPh sb="0" eb="1">
      <t>ズ</t>
    </rPh>
    <phoneticPr fontId="7"/>
  </si>
  <si>
    <t>日付</t>
    <rPh sb="0" eb="2">
      <t>ヒヅケ</t>
    </rPh>
    <phoneticPr fontId="7"/>
  </si>
  <si>
    <t>当該工事の条件明示内容の照査</t>
    <rPh sb="0" eb="2">
      <t>トウガイ</t>
    </rPh>
    <rPh sb="2" eb="4">
      <t>コウジ</t>
    </rPh>
    <rPh sb="9" eb="11">
      <t>ナイヨウ</t>
    </rPh>
    <phoneticPr fontId="7"/>
  </si>
  <si>
    <t>1-1</t>
    <phoneticPr fontId="7"/>
  </si>
  <si>
    <t>1-2</t>
    <phoneticPr fontId="7"/>
  </si>
  <si>
    <t>関連資料・貸与資料の確認</t>
    <phoneticPr fontId="7"/>
  </si>
  <si>
    <t>ポンプ排水を行うにあたり、土質の確認によって、クイックサンド、ボイリングが起きない事を検討し確認したか</t>
    <rPh sb="46" eb="48">
      <t>カクニン</t>
    </rPh>
    <phoneticPr fontId="7"/>
  </si>
  <si>
    <t>浚渫工の施工において、渇水位、平水位、最高水位、潮位及び流速・風浪等の水象・気象の施工に必要な資料を施工前に調査・確認したか</t>
    <rPh sb="57" eb="59">
      <t>カクニン</t>
    </rPh>
    <phoneticPr fontId="7"/>
  </si>
  <si>
    <t xml:space="preserve">地質調査報告書は整理されているか
・追加ボーリングは必要ないかの確認
</t>
    <rPh sb="32" eb="34">
      <t>カクニン</t>
    </rPh>
    <phoneticPr fontId="7"/>
  </si>
  <si>
    <t>軟弱地盤の施工に必要な資料はあるかの確認　（圧密沈下、液状化、地盤支持力、法面安定、側方流動等）</t>
    <rPh sb="5" eb="7">
      <t>セコウ</t>
    </rPh>
    <rPh sb="42" eb="43">
      <t>ガワ</t>
    </rPh>
    <rPh sb="43" eb="44">
      <t>ホウ</t>
    </rPh>
    <rPh sb="44" eb="46">
      <t>リュウドウ</t>
    </rPh>
    <phoneticPr fontId="7"/>
  </si>
  <si>
    <t>測量成果報告書（平面、横断、縦断）は整理されているかの確認</t>
    <rPh sb="27" eb="29">
      <t>カクニン</t>
    </rPh>
    <phoneticPr fontId="7"/>
  </si>
  <si>
    <t>設計計算書等（構造物（指定仮設含む）、隣接工区等含む）はあるかの確認</t>
    <rPh sb="7" eb="10">
      <t>コウゾウブツ</t>
    </rPh>
    <rPh sb="11" eb="13">
      <t>シテイ</t>
    </rPh>
    <rPh sb="13" eb="15">
      <t>カセツ</t>
    </rPh>
    <rPh sb="15" eb="16">
      <t>フク</t>
    </rPh>
    <rPh sb="19" eb="21">
      <t>リンセツ</t>
    </rPh>
    <rPh sb="21" eb="22">
      <t>コウ</t>
    </rPh>
    <rPh sb="22" eb="23">
      <t>ク</t>
    </rPh>
    <rPh sb="23" eb="24">
      <t>トウ</t>
    </rPh>
    <rPh sb="24" eb="25">
      <t>フク</t>
    </rPh>
    <phoneticPr fontId="7"/>
  </si>
  <si>
    <t>特記仕様書等に明示してある支障物件移設予定時期及び占用者に関する資料はあるかの確認</t>
    <rPh sb="5" eb="6">
      <t>トウ</t>
    </rPh>
    <rPh sb="29" eb="30">
      <t>カン</t>
    </rPh>
    <rPh sb="39" eb="41">
      <t>カクニン</t>
    </rPh>
    <phoneticPr fontId="7"/>
  </si>
  <si>
    <t>2-12</t>
    <phoneticPr fontId="7"/>
  </si>
  <si>
    <t>設計成果物等（報告書等）の貸与資料（電子データを含む）に不足がないか、追加事項があるかの確認</t>
    <rPh sb="0" eb="2">
      <t>セッケイ</t>
    </rPh>
    <rPh sb="2" eb="4">
      <t>セイカ</t>
    </rPh>
    <rPh sb="4" eb="5">
      <t>ブツ</t>
    </rPh>
    <rPh sb="5" eb="6">
      <t>トウ</t>
    </rPh>
    <rPh sb="7" eb="10">
      <t>ホウコクショ</t>
    </rPh>
    <rPh sb="10" eb="11">
      <t>トウ</t>
    </rPh>
    <rPh sb="18" eb="20">
      <t>デンシ</t>
    </rPh>
    <rPh sb="24" eb="25">
      <t>フク</t>
    </rPh>
    <phoneticPr fontId="7"/>
  </si>
  <si>
    <t>3-1</t>
    <phoneticPr fontId="7"/>
  </si>
  <si>
    <t>建設発生土の受入地への搬入に先立ち、容量が十分か確認したか</t>
    <rPh sb="0" eb="2">
      <t>ケンセツ</t>
    </rPh>
    <rPh sb="2" eb="4">
      <t>ハッセイ</t>
    </rPh>
    <rPh sb="4" eb="5">
      <t>ド</t>
    </rPh>
    <rPh sb="6" eb="7">
      <t>ウ</t>
    </rPh>
    <rPh sb="7" eb="8">
      <t>イ</t>
    </rPh>
    <rPh sb="8" eb="9">
      <t>チ</t>
    </rPh>
    <rPh sb="11" eb="13">
      <t>ハンニュウ</t>
    </rPh>
    <rPh sb="14" eb="16">
      <t>サキダ</t>
    </rPh>
    <rPh sb="18" eb="20">
      <t>ヨウリョウ</t>
    </rPh>
    <rPh sb="21" eb="23">
      <t>ジュウブン</t>
    </rPh>
    <rPh sb="24" eb="26">
      <t>カクニン</t>
    </rPh>
    <phoneticPr fontId="7"/>
  </si>
  <si>
    <t>周辺地域の地下水利用状況等から作業に伴い水質水量等に影響を及ぼす恐れがないか確認したか</t>
    <rPh sb="38" eb="40">
      <t>カクニン</t>
    </rPh>
    <phoneticPr fontId="7"/>
  </si>
  <si>
    <t>仮囲いまたは立入防止柵の設置にあたり、交通に支障をきたす場合あるいは苦情が発生すると予想される場合には、工事前に対策を検討し、確認したか</t>
    <rPh sb="59" eb="61">
      <t>ケントウ</t>
    </rPh>
    <rPh sb="63" eb="65">
      <t>カクニン</t>
    </rPh>
    <phoneticPr fontId="7"/>
  </si>
  <si>
    <t>施肥、灌水、薬剤散布の施工にあたり、施工前に施工箇所の状況を調査するものとし、設計図書に示す使用材料の種類、使用量等を確認したか</t>
    <rPh sb="59" eb="61">
      <t>カクニン</t>
    </rPh>
    <phoneticPr fontId="7"/>
  </si>
  <si>
    <t>道路管理台帳及び占用者との現地確認をしたか</t>
    <rPh sb="0" eb="1">
      <t>ミチ</t>
    </rPh>
    <phoneticPr fontId="7"/>
  </si>
  <si>
    <t>電線共同溝設置の位置・線形については、事前に地下埋設物及び工事区間の現状について測量及び調査を行い確認したか</t>
    <rPh sb="49" eb="51">
      <t>カクニン</t>
    </rPh>
    <phoneticPr fontId="7"/>
  </si>
  <si>
    <t>地質調査報告書と工事現場の踏査結果（地質、わき水、地下水など）が整合するかの確認</t>
    <rPh sb="38" eb="40">
      <t>カクニン</t>
    </rPh>
    <phoneticPr fontId="7"/>
  </si>
  <si>
    <t>3-19</t>
    <phoneticPr fontId="7"/>
  </si>
  <si>
    <t>4-1</t>
    <phoneticPr fontId="7"/>
  </si>
  <si>
    <t>桁の工作に着手する前に原寸図を作成し、図面の不備や製作上に支障がないかどうかを確認したか</t>
    <rPh sb="0" eb="1">
      <t>ケタ</t>
    </rPh>
    <phoneticPr fontId="7"/>
  </si>
  <si>
    <t>一般図には必要な項目が記載されているかの確認　（水位、設計条件、地質条件、建築限界等）</t>
    <rPh sb="20" eb="22">
      <t>カクニン</t>
    </rPh>
    <phoneticPr fontId="7"/>
  </si>
  <si>
    <t>4-5</t>
    <phoneticPr fontId="7"/>
  </si>
  <si>
    <t>各設計図がお互いに整合されているかの確認
・一般平面図と縦断図（構造一般図と線形図）
・構造図と配筋図
・構造図と仮設図
・下部工箱抜き図と付属物図（支承配置図、落橋防止図等）
・本体と付属物の取り合い　等</t>
    <rPh sb="0" eb="1">
      <t>カク</t>
    </rPh>
    <rPh sb="1" eb="3">
      <t>セッケイ</t>
    </rPh>
    <rPh sb="3" eb="4">
      <t>ズ</t>
    </rPh>
    <rPh sb="6" eb="7">
      <t>タガ</t>
    </rPh>
    <rPh sb="9" eb="11">
      <t>セイゴウ</t>
    </rPh>
    <phoneticPr fontId="7"/>
  </si>
  <si>
    <t>構造物の施工性に問題はないか。設計図等に基づいた適正な施工が可能かの確認（架設条件が設計図に反映されているか）
※橋梁上部工のみ対象</t>
    <rPh sb="57" eb="59">
      <t>キョウリョウ</t>
    </rPh>
    <rPh sb="59" eb="61">
      <t>ジョウブ</t>
    </rPh>
    <rPh sb="61" eb="62">
      <t>コウ</t>
    </rPh>
    <rPh sb="64" eb="66">
      <t>タイショウ</t>
    </rPh>
    <phoneticPr fontId="7"/>
  </si>
  <si>
    <t>数量計算</t>
    <rPh sb="0" eb="2">
      <t>スウリョウ</t>
    </rPh>
    <rPh sb="2" eb="4">
      <t>ケイサン</t>
    </rPh>
    <phoneticPr fontId="7"/>
  </si>
  <si>
    <t>5-1</t>
    <phoneticPr fontId="7"/>
  </si>
  <si>
    <t>数量計算に用いた数量は図面の寸法と一致するかの確認</t>
    <rPh sb="8" eb="10">
      <t>スウリョウ</t>
    </rPh>
    <rPh sb="14" eb="16">
      <t>スンポウ</t>
    </rPh>
    <phoneticPr fontId="7"/>
  </si>
  <si>
    <t>5-2</t>
    <phoneticPr fontId="7"/>
  </si>
  <si>
    <t>5-3</t>
    <phoneticPr fontId="7"/>
  </si>
  <si>
    <t>設計計算書</t>
    <rPh sb="2" eb="5">
      <t>ケイサンショ</t>
    </rPh>
    <phoneticPr fontId="7"/>
  </si>
  <si>
    <t>6-1</t>
    <phoneticPr fontId="7"/>
  </si>
  <si>
    <t>6-2</t>
    <phoneticPr fontId="7"/>
  </si>
  <si>
    <t>設計基本条件は適切かの確認（荷重条件、施工条件、使用材料と規格、許容応力度等）
※橋梁上部工事のみ対象</t>
    <rPh sb="41" eb="43">
      <t>キョウリョウ</t>
    </rPh>
    <rPh sb="43" eb="45">
      <t>ジョウブ</t>
    </rPh>
    <rPh sb="45" eb="47">
      <t>コウジ</t>
    </rPh>
    <rPh sb="49" eb="51">
      <t>タイショウ</t>
    </rPh>
    <phoneticPr fontId="7"/>
  </si>
  <si>
    <t>6-3</t>
    <phoneticPr fontId="7"/>
  </si>
  <si>
    <t>　はじめに</t>
    <phoneticPr fontId="7"/>
  </si>
  <si>
    <t>データエリア</t>
    <phoneticPr fontId="7"/>
  </si>
  <si>
    <t>　つまり、</t>
    <phoneticPr fontId="7"/>
  </si>
  <si>
    <t xml:space="preserve">②照査を完了した項目について、「照査実施」欄の「済」にチェックし、日付を記入する。
</t>
    <rPh sb="16" eb="18">
      <t>ショウサ</t>
    </rPh>
    <rPh sb="18" eb="20">
      <t>ジッシ</t>
    </rPh>
    <rPh sb="24" eb="25">
      <t>ス</t>
    </rPh>
    <phoneticPr fontId="7"/>
  </si>
  <si>
    <t xml:space="preserve">　請負契約の基本は、設計図書に基づき工事を施工することである。しかし、土木工事の特性からその設計図書は完全なものとはならず設計図書と工事現場の状態が異なったり、設計図書に示された施工条件が実際と一致しなかったり、設計図書で想定していなかった条件が発生したりすることがしばしば起こる。
</t>
    <rPh sb="1" eb="3">
      <t>ウケオイ</t>
    </rPh>
    <rPh sb="3" eb="5">
      <t>ケイヤク</t>
    </rPh>
    <rPh sb="6" eb="8">
      <t>キホン</t>
    </rPh>
    <rPh sb="10" eb="12">
      <t>セッケイ</t>
    </rPh>
    <rPh sb="12" eb="14">
      <t>トショ</t>
    </rPh>
    <rPh sb="15" eb="16">
      <t>モト</t>
    </rPh>
    <rPh sb="18" eb="20">
      <t>コウジ</t>
    </rPh>
    <rPh sb="21" eb="23">
      <t>セコウ</t>
    </rPh>
    <rPh sb="35" eb="37">
      <t>ドボク</t>
    </rPh>
    <rPh sb="37" eb="39">
      <t>コウジ</t>
    </rPh>
    <rPh sb="40" eb="42">
      <t>トクセイ</t>
    </rPh>
    <rPh sb="46" eb="48">
      <t>セッケイ</t>
    </rPh>
    <rPh sb="48" eb="50">
      <t>トショ</t>
    </rPh>
    <rPh sb="51" eb="53">
      <t>カンゼン</t>
    </rPh>
    <rPh sb="61" eb="63">
      <t>セッケイ</t>
    </rPh>
    <rPh sb="63" eb="65">
      <t>トショ</t>
    </rPh>
    <rPh sb="66" eb="68">
      <t>コウジ</t>
    </rPh>
    <rPh sb="68" eb="70">
      <t>ゲンバ</t>
    </rPh>
    <rPh sb="71" eb="73">
      <t>ジョウタイ</t>
    </rPh>
    <rPh sb="74" eb="75">
      <t>コト</t>
    </rPh>
    <rPh sb="80" eb="82">
      <t>セッケイ</t>
    </rPh>
    <rPh sb="82" eb="84">
      <t>トショ</t>
    </rPh>
    <rPh sb="85" eb="86">
      <t>シメ</t>
    </rPh>
    <rPh sb="89" eb="91">
      <t>セコウ</t>
    </rPh>
    <rPh sb="91" eb="93">
      <t>ジョウケン</t>
    </rPh>
    <rPh sb="94" eb="96">
      <t>ジッサイ</t>
    </rPh>
    <rPh sb="97" eb="99">
      <t>イッチ</t>
    </rPh>
    <rPh sb="106" eb="108">
      <t>セッケイ</t>
    </rPh>
    <rPh sb="108" eb="110">
      <t>トショ</t>
    </rPh>
    <rPh sb="111" eb="113">
      <t>ソウテイ</t>
    </rPh>
    <rPh sb="120" eb="122">
      <t>ジョウケン</t>
    </rPh>
    <rPh sb="123" eb="125">
      <t>ハッセイ</t>
    </rPh>
    <rPh sb="137" eb="138">
      <t>オ</t>
    </rPh>
    <phoneticPr fontId="7"/>
  </si>
  <si>
    <t>　①北陸地方建設事業推進協議会　工事施工対策部会において作成された『照査項目チェックリスト』</t>
    <rPh sb="2" eb="4">
      <t>ホクリク</t>
    </rPh>
    <rPh sb="4" eb="6">
      <t>チホウ</t>
    </rPh>
    <rPh sb="6" eb="8">
      <t>ケンセツ</t>
    </rPh>
    <rPh sb="8" eb="10">
      <t>ジギョウ</t>
    </rPh>
    <rPh sb="10" eb="12">
      <t>スイシン</t>
    </rPh>
    <rPh sb="12" eb="15">
      <t>キョウギカイ</t>
    </rPh>
    <rPh sb="16" eb="18">
      <t>コウジ</t>
    </rPh>
    <rPh sb="18" eb="20">
      <t>セコウ</t>
    </rPh>
    <rPh sb="20" eb="22">
      <t>タイサク</t>
    </rPh>
    <rPh sb="22" eb="24">
      <t>ブカイ</t>
    </rPh>
    <rPh sb="28" eb="30">
      <t>サクセイ</t>
    </rPh>
    <rPh sb="34" eb="36">
      <t>ショウサ</t>
    </rPh>
    <rPh sb="36" eb="38">
      <t>コウモク</t>
    </rPh>
    <phoneticPr fontId="7"/>
  </si>
  <si>
    <t>　②近畿地方整備局技術管理課において作成された工種ごとの『照査項目一覧表』</t>
    <rPh sb="2" eb="4">
      <t>キンキ</t>
    </rPh>
    <rPh sb="4" eb="6">
      <t>チホウ</t>
    </rPh>
    <rPh sb="6" eb="8">
      <t>セイビ</t>
    </rPh>
    <rPh sb="8" eb="9">
      <t>キョク</t>
    </rPh>
    <rPh sb="9" eb="11">
      <t>ギジュツ</t>
    </rPh>
    <rPh sb="11" eb="14">
      <t>カンリカ</t>
    </rPh>
    <rPh sb="18" eb="20">
      <t>サクセイ</t>
    </rPh>
    <rPh sb="23" eb="25">
      <t>コウシュ</t>
    </rPh>
    <rPh sb="29" eb="31">
      <t>ショウサ</t>
    </rPh>
    <rPh sb="31" eb="33">
      <t>コウモク</t>
    </rPh>
    <rPh sb="33" eb="35">
      <t>イチラン</t>
    </rPh>
    <rPh sb="35" eb="36">
      <t>ヒョウ</t>
    </rPh>
    <phoneticPr fontId="7"/>
  </si>
  <si>
    <t>を掲載した。</t>
    <rPh sb="1" eb="3">
      <t>ケイサイ</t>
    </rPh>
    <phoneticPr fontId="7"/>
  </si>
  <si>
    <t>について、必要に応じ工期又は請負代金額を変更する必要がある。</t>
    <phoneticPr fontId="7"/>
  </si>
  <si>
    <t>①照査項目チェックリスト</t>
    <rPh sb="1" eb="3">
      <t>ショウサ</t>
    </rPh>
    <rPh sb="3" eb="5">
      <t>コウモク</t>
    </rPh>
    <phoneticPr fontId="7"/>
  </si>
  <si>
    <t>②工種別チェックリスト</t>
    <rPh sb="1" eb="3">
      <t>コウシュ</t>
    </rPh>
    <rPh sb="3" eb="4">
      <t>ベツ</t>
    </rPh>
    <phoneticPr fontId="7"/>
  </si>
  <si>
    <t>工事連絡会議土木部会</t>
    <rPh sb="0" eb="2">
      <t>コウジ</t>
    </rPh>
    <rPh sb="2" eb="4">
      <t>レンラク</t>
    </rPh>
    <rPh sb="4" eb="6">
      <t>カイギ</t>
    </rPh>
    <rPh sb="6" eb="8">
      <t>ドボク</t>
    </rPh>
    <rPh sb="8" eb="10">
      <t>ブカイ</t>
    </rPh>
    <phoneticPr fontId="7"/>
  </si>
  <si>
    <t>平成２２年４月</t>
    <rPh sb="0" eb="2">
      <t>ヘイセイ</t>
    </rPh>
    <rPh sb="4" eb="5">
      <t>ネン</t>
    </rPh>
    <rPh sb="6" eb="7">
      <t>ガツ</t>
    </rPh>
    <phoneticPr fontId="7"/>
  </si>
  <si>
    <t>土木工事設計図書の照査ガイドライン</t>
    <rPh sb="0" eb="2">
      <t>ドボク</t>
    </rPh>
    <rPh sb="2" eb="4">
      <t>コウジ</t>
    </rPh>
    <phoneticPr fontId="7"/>
  </si>
  <si>
    <t>　本ガイドラインは、富山市発注の工事について、前半に「設計図書の照査」の基本的考え方を明示し、後半に具体的な照査項目・内容を「設計図書の照査要領」として、</t>
    <rPh sb="1" eb="2">
      <t>ホン</t>
    </rPh>
    <rPh sb="10" eb="13">
      <t>トヤマシ</t>
    </rPh>
    <rPh sb="13" eb="15">
      <t>ハッチュウ</t>
    </rPh>
    <rPh sb="16" eb="18">
      <t>コウジ</t>
    </rPh>
    <rPh sb="23" eb="25">
      <t>ゼンハン</t>
    </rPh>
    <rPh sb="27" eb="29">
      <t>セッケイ</t>
    </rPh>
    <rPh sb="29" eb="31">
      <t>トショ</t>
    </rPh>
    <rPh sb="32" eb="34">
      <t>ショウサ</t>
    </rPh>
    <rPh sb="36" eb="39">
      <t>キホンテキ</t>
    </rPh>
    <rPh sb="39" eb="40">
      <t>カンガ</t>
    </rPh>
    <rPh sb="41" eb="42">
      <t>カタ</t>
    </rPh>
    <rPh sb="43" eb="45">
      <t>メイジ</t>
    </rPh>
    <rPh sb="47" eb="49">
      <t>コウハン</t>
    </rPh>
    <rPh sb="50" eb="53">
      <t>グタイテキ</t>
    </rPh>
    <rPh sb="54" eb="56">
      <t>ショウサ</t>
    </rPh>
    <rPh sb="56" eb="58">
      <t>コウモク</t>
    </rPh>
    <rPh sb="59" eb="61">
      <t>ナイヨウ</t>
    </rPh>
    <rPh sb="63" eb="65">
      <t>セッケイ</t>
    </rPh>
    <rPh sb="65" eb="67">
      <t>トショ</t>
    </rPh>
    <rPh sb="68" eb="70">
      <t>ショウサ</t>
    </rPh>
    <rPh sb="70" eb="72">
      <t>ヨウリョウ</t>
    </rPh>
    <phoneticPr fontId="7"/>
  </si>
  <si>
    <t>　２　監督員は、前項の規定による確認を請求されたとき又は自ら前項各号に掲げる事実</t>
    <phoneticPr fontId="7"/>
  </si>
  <si>
    <t>　　を発見したときは、受注者の立会いのうえ、直ちに調査を行わなければならない。た</t>
    <rPh sb="11" eb="14">
      <t>ジュチュウシャ</t>
    </rPh>
    <phoneticPr fontId="7"/>
  </si>
  <si>
    <t>　　だし、受注者が立会いに応じない場合には、受注者の立会いを得ずに行うことができる。</t>
    <rPh sb="5" eb="8">
      <t>ジュチュウシャ</t>
    </rPh>
    <rPh sb="22" eb="25">
      <t>ジュチュウシャ</t>
    </rPh>
    <phoneticPr fontId="7"/>
  </si>
  <si>
    <t>第１８条　受注者は、工事の施工に当たり、次の各号のいずれかに該当する事実を発見した</t>
    <rPh sb="0" eb="1">
      <t>ダイ</t>
    </rPh>
    <rPh sb="3" eb="4">
      <t>ジョウ</t>
    </rPh>
    <rPh sb="5" eb="8">
      <t>ジュチュウシャ</t>
    </rPh>
    <phoneticPr fontId="7"/>
  </si>
  <si>
    <t>　　ときは、その旨を直ちに監督員に通知し、その確認を請求しなければならない。</t>
    <rPh sb="8" eb="9">
      <t>ムネ</t>
    </rPh>
    <phoneticPr fontId="7"/>
  </si>
  <si>
    <t xml:space="preserve">  ３　発注者は、受注者の意見を聴いて、調査の結果（これに対してとるべき措置を指示す</t>
    <rPh sb="4" eb="7">
      <t>ハッチュウシャ</t>
    </rPh>
    <rPh sb="9" eb="12">
      <t>ジュチュウシャ</t>
    </rPh>
    <phoneticPr fontId="7"/>
  </si>
  <si>
    <t>　　る必要があるときは、当該指示を含む。）をとりまとめ、調査の終了後14日以内に、そ</t>
    <phoneticPr fontId="7"/>
  </si>
  <si>
    <t>　　の結果を受注者に通知しなければならない。ただし、その期間内に通知することができ</t>
    <rPh sb="6" eb="9">
      <t>ジュチュウシャ</t>
    </rPh>
    <phoneticPr fontId="7"/>
  </si>
  <si>
    <t>　　ないやむを得ない理由があるときは、あらかじめ乙の意見を聴いた上、当該期間を延長</t>
    <phoneticPr fontId="7"/>
  </si>
  <si>
    <t>　　することができる。</t>
    <phoneticPr fontId="7"/>
  </si>
  <si>
    <r>
      <t>　</t>
    </r>
    <r>
      <rPr>
        <b/>
        <sz val="10.5"/>
        <rFont val="ＭＳ ゴシック"/>
        <family val="3"/>
        <charset val="128"/>
      </rPr>
      <t>２．受注者は、施工前及び施工途中において、自らの負担により契約書第18条第１項第</t>
    </r>
    <rPh sb="3" eb="5">
      <t>ジュチュウ</t>
    </rPh>
    <rPh sb="22" eb="23">
      <t>ミズカ</t>
    </rPh>
    <rPh sb="25" eb="27">
      <t>フタン</t>
    </rPh>
    <phoneticPr fontId="7"/>
  </si>
  <si>
    <t>　　　含むものとする。また、受注者は監督員から更に詳細な説明又は書面の追加の要求があった</t>
    <rPh sb="3" eb="4">
      <t>フク</t>
    </rPh>
    <rPh sb="14" eb="16">
      <t>ジュチュウ</t>
    </rPh>
    <phoneticPr fontId="7"/>
  </si>
  <si>
    <t>２．受注者が実施する「設計図書の照査」の位置付け</t>
    <rPh sb="2" eb="4">
      <t>ジュチュウ</t>
    </rPh>
    <rPh sb="20" eb="22">
      <t>イチ</t>
    </rPh>
    <rPh sb="22" eb="23">
      <t>ツ</t>
    </rPh>
    <phoneticPr fontId="7"/>
  </si>
  <si>
    <t>　調査の終了後１４日以内に、その結果を受注者に通知しなければならない。ただし、その期間</t>
    <rPh sb="19" eb="22">
      <t>ジュチュウシャ</t>
    </rPh>
    <phoneticPr fontId="7"/>
  </si>
  <si>
    <t>設計図書の照査要領</t>
    <phoneticPr fontId="7"/>
  </si>
  <si>
    <t>平成２２年４月　　富　　山　　市</t>
    <rPh sb="6" eb="7">
      <t>ガツ</t>
    </rPh>
    <rPh sb="9" eb="10">
      <t>トミ</t>
    </rPh>
    <rPh sb="12" eb="13">
      <t>ヤマ</t>
    </rPh>
    <rPh sb="15" eb="16">
      <t>シ</t>
    </rPh>
    <phoneticPr fontId="7"/>
  </si>
  <si>
    <t>「土木工事条件明示の手引き」における明示事項に不足がないかの確認</t>
    <rPh sb="20" eb="22">
      <t>ジコウ</t>
    </rPh>
    <rPh sb="30" eb="32">
      <t>カクニン</t>
    </rPh>
    <phoneticPr fontId="7"/>
  </si>
  <si>
    <t>　「土木工事条件明示の手引き」における明示事項と現場条件に相違がないかの確認</t>
    <rPh sb="21" eb="23">
      <t>ジコウ</t>
    </rPh>
    <rPh sb="24" eb="26">
      <t>ゲンバ</t>
    </rPh>
    <rPh sb="26" eb="28">
      <t>ジョウケン</t>
    </rPh>
    <rPh sb="29" eb="31">
      <t>ソウイ</t>
    </rPh>
    <rPh sb="36" eb="38">
      <t>カクニン</t>
    </rPh>
    <phoneticPr fontId="7"/>
  </si>
  <si>
    <t>樋門・樋管工事照査要領</t>
    <phoneticPr fontId="7"/>
  </si>
  <si>
    <t>築堤護岸工事照査要領</t>
    <phoneticPr fontId="7"/>
  </si>
  <si>
    <t>道路改良（舗装）工事照査要領</t>
    <phoneticPr fontId="7"/>
  </si>
  <si>
    <t>橋梁下部工事照査要領</t>
    <phoneticPr fontId="7"/>
  </si>
  <si>
    <t>共同溝工事照査要領</t>
    <phoneticPr fontId="7"/>
  </si>
  <si>
    <t>橋梁上部工事照査要領</t>
    <phoneticPr fontId="7"/>
  </si>
  <si>
    <t xml:space="preserve">　このような場合には、富山市建設工事請負契約約款第１８条（条件変更等）及び第１９条（設計図書の変更）に基づき受注者と発注者の間で契約上の手続きが行われる。
</t>
    <rPh sb="6" eb="8">
      <t>バアイ</t>
    </rPh>
    <rPh sb="11" eb="14">
      <t>トヤマシ</t>
    </rPh>
    <rPh sb="29" eb="31">
      <t>ジョウケン</t>
    </rPh>
    <rPh sb="31" eb="33">
      <t>ヘンコウ</t>
    </rPh>
    <rPh sb="33" eb="34">
      <t>トウ</t>
    </rPh>
    <rPh sb="35" eb="36">
      <t>オヨ</t>
    </rPh>
    <rPh sb="37" eb="38">
      <t>ダイ</t>
    </rPh>
    <rPh sb="40" eb="41">
      <t>ジョウ</t>
    </rPh>
    <rPh sb="42" eb="44">
      <t>セッケイ</t>
    </rPh>
    <rPh sb="44" eb="46">
      <t>トショ</t>
    </rPh>
    <rPh sb="47" eb="49">
      <t>ヘンコウ</t>
    </rPh>
    <rPh sb="54" eb="56">
      <t>ジュチュウ</t>
    </rPh>
    <rPh sb="56" eb="57">
      <t>シャ</t>
    </rPh>
    <phoneticPr fontId="7"/>
  </si>
  <si>
    <t>　このため、受注者に「設計図書の照査」が義務付けられているが、発注者と受注者の責任範囲がこれまで具体的に明示されていなかったため、基本的な考え方、範囲をできる限り明示し、円滑な請負契約の執行に資するため、北陸地方建設事業推進協議会　工事施工対策部会で作成された『土木工事設計図書の照査ガイドライン（案）』を準拠して、『設計図書の照査ガイドライン』を作成したものである。</t>
    <rPh sb="6" eb="8">
      <t>ジュチュウ</t>
    </rPh>
    <rPh sb="8" eb="9">
      <t>シャ</t>
    </rPh>
    <rPh sb="11" eb="13">
      <t>セッケイ</t>
    </rPh>
    <rPh sb="13" eb="15">
      <t>トショ</t>
    </rPh>
    <rPh sb="16" eb="18">
      <t>ショウサ</t>
    </rPh>
    <rPh sb="20" eb="23">
      <t>ギムヅ</t>
    </rPh>
    <rPh sb="31" eb="34">
      <t>ハッチュウシャ</t>
    </rPh>
    <rPh sb="35" eb="37">
      <t>ジュチュウ</t>
    </rPh>
    <rPh sb="37" eb="38">
      <t>シャ</t>
    </rPh>
    <rPh sb="39" eb="41">
      <t>セキニン</t>
    </rPh>
    <rPh sb="41" eb="43">
      <t>ハンイ</t>
    </rPh>
    <rPh sb="48" eb="51">
      <t>グタイテキ</t>
    </rPh>
    <rPh sb="52" eb="54">
      <t>メイジ</t>
    </rPh>
    <rPh sb="65" eb="68">
      <t>キホンテキ</t>
    </rPh>
    <rPh sb="69" eb="70">
      <t>カンガ</t>
    </rPh>
    <rPh sb="71" eb="72">
      <t>カタ</t>
    </rPh>
    <rPh sb="73" eb="75">
      <t>ハンイ</t>
    </rPh>
    <rPh sb="79" eb="80">
      <t>カギ</t>
    </rPh>
    <rPh sb="81" eb="83">
      <t>メイジ</t>
    </rPh>
    <rPh sb="85" eb="87">
      <t>エンカツ</t>
    </rPh>
    <rPh sb="88" eb="90">
      <t>ウケオイ</t>
    </rPh>
    <rPh sb="90" eb="92">
      <t>ケイヤク</t>
    </rPh>
    <rPh sb="93" eb="95">
      <t>シッコウ</t>
    </rPh>
    <rPh sb="96" eb="97">
      <t>シ</t>
    </rPh>
    <rPh sb="125" eb="127">
      <t>サクセイ</t>
    </rPh>
    <rPh sb="131" eb="133">
      <t>ドボク</t>
    </rPh>
    <rPh sb="133" eb="135">
      <t>コウジ</t>
    </rPh>
    <rPh sb="135" eb="137">
      <t>セッケイ</t>
    </rPh>
    <rPh sb="137" eb="139">
      <t>トショ</t>
    </rPh>
    <rPh sb="140" eb="142">
      <t>ショウサ</t>
    </rPh>
    <rPh sb="149" eb="150">
      <t>アン</t>
    </rPh>
    <rPh sb="153" eb="155">
      <t>ジュンキョ</t>
    </rPh>
    <rPh sb="159" eb="161">
      <t>セッケイ</t>
    </rPh>
    <rPh sb="161" eb="163">
      <t>トショ</t>
    </rPh>
    <rPh sb="164" eb="166">
      <t>ショウサ</t>
    </rPh>
    <rPh sb="174" eb="176">
      <t>サクセイ</t>
    </rPh>
    <phoneticPr fontId="7"/>
  </si>
  <si>
    <t>　いずれのチェックリストを使用するか、また他のチェックリストを使用するかは、発注者と受注者において協議し、決定するものとする。</t>
    <rPh sb="13" eb="15">
      <t>シヨウ</t>
    </rPh>
    <rPh sb="21" eb="22">
      <t>タ</t>
    </rPh>
    <rPh sb="31" eb="33">
      <t>シヨウ</t>
    </rPh>
    <rPh sb="38" eb="41">
      <t>ハッチュウシャ</t>
    </rPh>
    <rPh sb="42" eb="44">
      <t>ジュチュウ</t>
    </rPh>
    <rPh sb="44" eb="45">
      <t>シャ</t>
    </rPh>
    <rPh sb="49" eb="51">
      <t>キョウギ</t>
    </rPh>
    <rPh sb="53" eb="55">
      <t>ケッテイ</t>
    </rPh>
    <phoneticPr fontId="7"/>
  </si>
  <si>
    <t>　　設計図書の照査等　においては、次のように受注者が設計図書の照査を行うことになっている。</t>
    <rPh sb="4" eb="5">
      <t>ズ</t>
    </rPh>
    <rPh sb="22" eb="24">
      <t>ジュチュウ</t>
    </rPh>
    <rPh sb="24" eb="25">
      <t>シャ</t>
    </rPh>
    <rPh sb="26" eb="28">
      <t>セッケイ</t>
    </rPh>
    <rPh sb="28" eb="30">
      <t>トショ</t>
    </rPh>
    <rPh sb="31" eb="33">
      <t>ショウサ</t>
    </rPh>
    <rPh sb="34" eb="35">
      <t>オコナ</t>
    </rPh>
    <phoneticPr fontId="7"/>
  </si>
  <si>
    <t>　　は、「設計図書の照査要領」を自らの負担により実施する。</t>
    <rPh sb="12" eb="14">
      <t>ヨウリョウ</t>
    </rPh>
    <rPh sb="16" eb="17">
      <t>ミズカ</t>
    </rPh>
    <rPh sb="19" eb="21">
      <t>フタン</t>
    </rPh>
    <phoneticPr fontId="7"/>
  </si>
  <si>
    <t>　　　受注者は、工事請負契約書及び共通仕様書に基づいて設計照査を行うこととなるが、具体的に</t>
    <rPh sb="3" eb="5">
      <t>ジュチュウ</t>
    </rPh>
    <rPh sb="41" eb="42">
      <t>グ</t>
    </rPh>
    <phoneticPr fontId="7"/>
  </si>
  <si>
    <t>　　　これ以外の内容について受注者が照査を行う場合、要する費用は発注者の負担とする。</t>
    <rPh sb="5" eb="7">
      <t>イガイ</t>
    </rPh>
    <rPh sb="8" eb="10">
      <t>ナイヨウ</t>
    </rPh>
    <rPh sb="14" eb="16">
      <t>ジュチュウ</t>
    </rPh>
    <rPh sb="16" eb="17">
      <t>シャ</t>
    </rPh>
    <rPh sb="18" eb="20">
      <t>ショウサ</t>
    </rPh>
    <rPh sb="21" eb="22">
      <t>オコナ</t>
    </rPh>
    <rPh sb="23" eb="25">
      <t>バアイ</t>
    </rPh>
    <rPh sb="26" eb="27">
      <t>ヨウ</t>
    </rPh>
    <rPh sb="29" eb="31">
      <t>ヒヨウ</t>
    </rPh>
    <rPh sb="32" eb="35">
      <t>ハッチュウシャ</t>
    </rPh>
    <rPh sb="36" eb="38">
      <t>フタン</t>
    </rPh>
    <phoneticPr fontId="7"/>
  </si>
  <si>
    <t>　内に通知できないやむを得ない理由があるときは、あらかじめ受注者の意見を聴いた上、当該</t>
    <rPh sb="29" eb="32">
      <t>ジュチュウシャ</t>
    </rPh>
    <phoneticPr fontId="7"/>
  </si>
  <si>
    <t>　　期間を延長することができる。</t>
    <phoneticPr fontId="7"/>
  </si>
  <si>
    <t xml:space="preserve">　受注者は、富山市建設工事請負契約約款及び土木工事共通仕様書の規定により、施工前及び施工途中において「設計図書の照査」を実施することになるが、この「設計図書の照査」に際しては、「設計図書の照査要領」に基づき照査を行うこととし、その照査結果については、工事打合せ簿に添付して監督員に報告するものとする。
</t>
    <rPh sb="1" eb="3">
      <t>ジュチュウ</t>
    </rPh>
    <phoneticPr fontId="7"/>
  </si>
  <si>
    <t>　　　設計変更に必要な資料作成を受注者が実施する場合は、以下の手続きによるものとする。</t>
    <rPh sb="3" eb="5">
      <t>セッケイ</t>
    </rPh>
    <rPh sb="5" eb="7">
      <t>ヘンコウ</t>
    </rPh>
    <rPh sb="8" eb="10">
      <t>ヒツヨウ</t>
    </rPh>
    <rPh sb="11" eb="13">
      <t>シリョウ</t>
    </rPh>
    <rPh sb="13" eb="15">
      <t>サクセイ</t>
    </rPh>
    <rPh sb="16" eb="19">
      <t>ジュチュウシャ</t>
    </rPh>
    <rPh sb="20" eb="22">
      <t>ジッシ</t>
    </rPh>
    <phoneticPr fontId="7"/>
  </si>
  <si>
    <t>　　①設計照査に基づき設計変更が必要な内容については、受発注者間で確認する。
　　②設計変更するための必要な資料の作成について書面により協議し合意を図った後、発注者が具体
　　　的な指示を行う。
　　③発注者は書面による指示に基づき受注者が設計変更に関わり作成した資料を確認する。
　　④書面による指示に基づいた設計変更に関わる資料の作成業務については契約変更の対象とする。</t>
    <phoneticPr fontId="7"/>
  </si>
  <si>
    <t>　　（図　　　　　内のＡ、Ｂ）について、具体例を示す。</t>
    <rPh sb="20" eb="22">
      <t>グタイ</t>
    </rPh>
    <phoneticPr fontId="7"/>
  </si>
  <si>
    <t>　　　次項に、受注者が自らの負担で行う「設計図書の照査」の範囲を超えると考えられるもの</t>
    <rPh sb="3" eb="5">
      <t>ジコウ</t>
    </rPh>
    <rPh sb="7" eb="10">
      <t>ジュチュウシャ</t>
    </rPh>
    <rPh sb="11" eb="12">
      <t>ミズカ</t>
    </rPh>
    <rPh sb="14" eb="16">
      <t>フタン</t>
    </rPh>
    <rPh sb="17" eb="18">
      <t>オコナ</t>
    </rPh>
    <rPh sb="32" eb="33">
      <t>コ</t>
    </rPh>
    <rPh sb="36" eb="37">
      <t>カンガ</t>
    </rPh>
    <phoneticPr fontId="7"/>
  </si>
  <si>
    <t>平成２８年４月</t>
    <rPh sb="0" eb="2">
      <t>ヘイセイ</t>
    </rPh>
    <rPh sb="4" eb="5">
      <t>ネン</t>
    </rPh>
    <rPh sb="6" eb="7">
      <t>ガツ</t>
    </rPh>
    <phoneticPr fontId="7"/>
  </si>
</sst>
</file>

<file path=xl/styles.xml><?xml version="1.0" encoding="utf-8"?>
<styleSheet xmlns="http://schemas.openxmlformats.org/spreadsheetml/2006/main" xmlns:mc="http://schemas.openxmlformats.org/markup-compatibility/2006" xmlns:x14ac="http://schemas.microsoft.com/office/spreadsheetml/2009/9/ac" mc:Ignorable="x14ac">
  <fonts count="55">
    <font>
      <sz val="11"/>
      <name val="ＭＳ Ｐゴシック"/>
      <family val="3"/>
      <charset val="128"/>
    </font>
    <font>
      <sz val="11"/>
      <name val="ＭＳ Ｐゴシック"/>
      <family val="3"/>
      <charset val="128"/>
    </font>
    <font>
      <sz val="11"/>
      <name val="ＭＳ Ｐゴシック"/>
      <family val="3"/>
      <charset val="128"/>
    </font>
    <font>
      <sz val="10.5"/>
      <name val="ＭＳ Ｐゴシック"/>
      <family val="3"/>
      <charset val="128"/>
    </font>
    <font>
      <sz val="10"/>
      <name val="ＭＳ Ｐゴシック"/>
      <family val="3"/>
      <charset val="128"/>
    </font>
    <font>
      <sz val="10"/>
      <name val="ＭＳ Ｐ明朝"/>
      <family val="1"/>
      <charset val="128"/>
    </font>
    <font>
      <sz val="10.5"/>
      <name val="ＭＳ Ｐ明朝"/>
      <family val="1"/>
      <charset val="128"/>
    </font>
    <font>
      <sz val="6"/>
      <name val="ＭＳ Ｐゴシック"/>
      <family val="3"/>
      <charset val="128"/>
    </font>
    <font>
      <sz val="11"/>
      <name val="ＭＳ Ｐゴシック"/>
      <family val="3"/>
      <charset val="128"/>
    </font>
    <font>
      <sz val="18"/>
      <name val="ＭＳ ゴシック"/>
      <family val="3"/>
      <charset val="128"/>
    </font>
    <font>
      <sz val="11"/>
      <name val="ＭＳ ゴシック"/>
      <family val="3"/>
      <charset val="128"/>
    </font>
    <font>
      <sz val="10.5"/>
      <name val="ＭＳ ゴシック"/>
      <family val="3"/>
      <charset val="128"/>
    </font>
    <font>
      <sz val="11"/>
      <name val="ＭＳ Ｐ明朝"/>
      <family val="1"/>
      <charset val="128"/>
    </font>
    <font>
      <sz val="18"/>
      <name val="ＭＳ Ｐゴシック"/>
      <family val="3"/>
      <charset val="128"/>
    </font>
    <font>
      <sz val="10.5"/>
      <color indexed="8"/>
      <name val="ＭＳ 明朝"/>
      <family val="1"/>
      <charset val="128"/>
    </font>
    <font>
      <sz val="10.5"/>
      <color indexed="8"/>
      <name val="ＭＳ ゴシック"/>
      <family val="3"/>
      <charset val="128"/>
    </font>
    <font>
      <sz val="10.5"/>
      <name val="ＭＳ 明朝"/>
      <family val="1"/>
      <charset val="128"/>
    </font>
    <font>
      <sz val="11"/>
      <name val="ＭＳ 明朝"/>
      <family val="1"/>
      <charset val="128"/>
    </font>
    <font>
      <b/>
      <sz val="11"/>
      <name val="ＭＳ ゴシック"/>
      <family val="3"/>
      <charset val="128"/>
    </font>
    <font>
      <b/>
      <sz val="10.5"/>
      <name val="ＭＳ ゴシック"/>
      <family val="3"/>
      <charset val="128"/>
    </font>
    <font>
      <b/>
      <sz val="20"/>
      <name val="ＤＨＰ特太ゴシック体"/>
      <family val="3"/>
      <charset val="128"/>
    </font>
    <font>
      <b/>
      <sz val="10.5"/>
      <name val="ＭＳ 明朝"/>
      <family val="1"/>
      <charset val="128"/>
    </font>
    <font>
      <sz val="12"/>
      <color indexed="8"/>
      <name val="ＭＳ ゴシック"/>
      <family val="3"/>
      <charset val="128"/>
    </font>
    <font>
      <sz val="11"/>
      <name val="ＭＳ Ｐゴシック"/>
      <family val="3"/>
      <charset val="128"/>
    </font>
    <font>
      <b/>
      <sz val="16"/>
      <name val="ＭＳ Ｐゴシック"/>
      <family val="3"/>
      <charset val="128"/>
    </font>
    <font>
      <sz val="10.5"/>
      <color indexed="63"/>
      <name val="ＭＳ ゴシック"/>
      <family val="3"/>
      <charset val="128"/>
    </font>
    <font>
      <sz val="12"/>
      <color indexed="63"/>
      <name val="ＭＳ ゴシック"/>
      <family val="3"/>
      <charset val="128"/>
    </font>
    <font>
      <sz val="11"/>
      <color indexed="63"/>
      <name val="ＭＳ Ｐゴシック"/>
      <family val="3"/>
      <charset val="128"/>
    </font>
    <font>
      <sz val="12"/>
      <name val="ＭＳ Ｐゴシック"/>
      <family val="3"/>
      <charset val="128"/>
    </font>
    <font>
      <b/>
      <sz val="12"/>
      <name val="ＭＳ Ｐゴシック"/>
      <family val="3"/>
      <charset val="128"/>
    </font>
    <font>
      <b/>
      <sz val="12"/>
      <color indexed="8"/>
      <name val="ＭＳ ゴシック"/>
      <family val="3"/>
      <charset val="128"/>
    </font>
    <font>
      <sz val="12"/>
      <name val="ＭＳ ゴシック"/>
      <family val="3"/>
      <charset val="128"/>
    </font>
    <font>
      <b/>
      <sz val="11"/>
      <name val="ＭＳ Ｐゴシック"/>
      <family val="3"/>
      <charset val="128"/>
    </font>
    <font>
      <sz val="10.5"/>
      <name val="Century"/>
      <family val="1"/>
    </font>
    <font>
      <b/>
      <sz val="18"/>
      <name val="ＭＳ Ｐゴシック"/>
      <family val="3"/>
      <charset val="128"/>
    </font>
    <font>
      <b/>
      <sz val="22"/>
      <name val="ＭＳ Ｐゴシック"/>
      <family val="3"/>
      <charset val="128"/>
    </font>
    <font>
      <b/>
      <sz val="18"/>
      <name val="ＭＳ ゴシック"/>
      <family val="3"/>
      <charset val="128"/>
    </font>
    <font>
      <sz val="12"/>
      <name val="ＭＳ 明朝"/>
      <family val="1"/>
      <charset val="128"/>
    </font>
    <font>
      <b/>
      <sz val="11"/>
      <color indexed="10"/>
      <name val="ＭＳ Ｐゴシック"/>
      <family val="3"/>
      <charset val="128"/>
    </font>
    <font>
      <sz val="21.5"/>
      <name val="ＭＳ 明朝"/>
      <family val="1"/>
      <charset val="128"/>
    </font>
    <font>
      <sz val="14"/>
      <name val="ＭＳ Ｐゴシック"/>
      <family val="3"/>
      <charset val="128"/>
    </font>
    <font>
      <i/>
      <sz val="11"/>
      <name val="ＭＳ Ｐゴシック"/>
      <family val="3"/>
      <charset val="128"/>
    </font>
    <font>
      <b/>
      <sz val="15"/>
      <name val="ＭＳ Ｐゴシック"/>
      <family val="3"/>
      <charset val="128"/>
    </font>
    <font>
      <i/>
      <sz val="12"/>
      <name val="ＭＳ Ｐゴシック"/>
      <family val="3"/>
      <charset val="128"/>
    </font>
    <font>
      <sz val="32"/>
      <name val="ＭＳ Ｐゴシック"/>
      <family val="3"/>
      <charset val="128"/>
    </font>
    <font>
      <b/>
      <sz val="26"/>
      <name val="ＭＳ Ｐゴシック"/>
      <family val="3"/>
      <charset val="128"/>
    </font>
    <font>
      <b/>
      <sz val="11"/>
      <name val="MS UI Gothic"/>
      <family val="3"/>
      <charset val="128"/>
    </font>
    <font>
      <u/>
      <sz val="11"/>
      <name val="ＭＳ Ｐゴシック"/>
      <family val="3"/>
      <charset val="128"/>
    </font>
    <font>
      <u/>
      <sz val="14"/>
      <name val="ＭＳ Ｐゴシック"/>
      <family val="3"/>
      <charset val="128"/>
    </font>
    <font>
      <sz val="8"/>
      <name val="ＭＳ 明朝"/>
      <family val="1"/>
      <charset val="128"/>
    </font>
    <font>
      <u/>
      <sz val="14"/>
      <name val="ＭＳ ゴシック"/>
      <family val="3"/>
      <charset val="128"/>
    </font>
    <font>
      <sz val="10"/>
      <name val="ＭＳ ゴシック"/>
      <family val="3"/>
      <charset val="128"/>
    </font>
    <font>
      <i/>
      <sz val="12"/>
      <color indexed="8"/>
      <name val="ＭＳ ゴシック"/>
      <family val="3"/>
      <charset val="128"/>
    </font>
    <font>
      <b/>
      <sz val="10"/>
      <name val="ＭＳ ゴシック"/>
      <family val="3"/>
      <charset val="128"/>
    </font>
    <font>
      <sz val="11"/>
      <color rgb="FFFF0000"/>
      <name val="ＭＳ Ｐゴシック"/>
      <family val="3"/>
      <charset val="128"/>
    </font>
  </fonts>
  <fills count="3">
    <fill>
      <patternFill patternType="none"/>
    </fill>
    <fill>
      <patternFill patternType="gray125"/>
    </fill>
    <fill>
      <patternFill patternType="solid">
        <fgColor indexed="9"/>
        <bgColor indexed="64"/>
      </patternFill>
    </fill>
  </fills>
  <borders count="73">
    <border>
      <left/>
      <right/>
      <top/>
      <bottom/>
      <diagonal/>
    </border>
    <border>
      <left/>
      <right/>
      <top style="dotted">
        <color indexed="64"/>
      </top>
      <bottom/>
      <diagonal/>
    </border>
    <border>
      <left/>
      <right style="dotted">
        <color indexed="64"/>
      </right>
      <top style="dotted">
        <color indexed="64"/>
      </top>
      <bottom/>
      <diagonal/>
    </border>
    <border>
      <left/>
      <right style="dotted">
        <color indexed="64"/>
      </right>
      <top/>
      <bottom/>
      <diagonal/>
    </border>
    <border>
      <left style="dotted">
        <color indexed="64"/>
      </left>
      <right/>
      <top/>
      <bottom/>
      <diagonal/>
    </border>
    <border>
      <left/>
      <right/>
      <top/>
      <bottom style="dotted">
        <color indexed="64"/>
      </bottom>
      <diagonal/>
    </border>
    <border>
      <left/>
      <right style="dotted">
        <color indexed="64"/>
      </right>
      <top/>
      <bottom style="dotted">
        <color indexed="64"/>
      </bottom>
      <diagonal/>
    </border>
    <border>
      <left style="dotted">
        <color indexed="64"/>
      </left>
      <right/>
      <top/>
      <bottom style="dotted">
        <color indexed="64"/>
      </bottom>
      <diagonal/>
    </border>
    <border>
      <left style="dotted">
        <color indexed="64"/>
      </left>
      <right/>
      <top style="dotted">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bottom style="thin">
        <color indexed="64"/>
      </bottom>
      <diagonal/>
    </border>
    <border>
      <left style="double">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top style="thin">
        <color indexed="64"/>
      </top>
      <bottom style="medium">
        <color indexed="64"/>
      </bottom>
      <diagonal/>
    </border>
    <border>
      <left style="thin">
        <color indexed="64"/>
      </left>
      <right style="medium">
        <color indexed="64"/>
      </right>
      <top/>
      <bottom style="thin">
        <color indexed="64"/>
      </bottom>
      <diagonal/>
    </border>
    <border>
      <left style="medium">
        <color indexed="64"/>
      </left>
      <right style="medium">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bottom/>
      <diagonal/>
    </border>
    <border>
      <left style="thin">
        <color indexed="64"/>
      </left>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hair">
        <color indexed="64"/>
      </right>
      <top/>
      <bottom/>
      <diagonal/>
    </border>
    <border>
      <left style="hair">
        <color indexed="64"/>
      </left>
      <right style="thin">
        <color indexed="64"/>
      </right>
      <top/>
      <bottom/>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thin">
        <color indexed="64"/>
      </left>
      <right style="hair">
        <color indexed="64"/>
      </right>
      <top/>
      <bottom style="thin">
        <color indexed="64"/>
      </bottom>
      <diagonal/>
    </border>
    <border>
      <left style="hair">
        <color indexed="64"/>
      </left>
      <right style="thin">
        <color indexed="64"/>
      </right>
      <top/>
      <bottom style="thin">
        <color indexed="64"/>
      </bottom>
      <diagonal/>
    </border>
    <border>
      <left/>
      <right style="thin">
        <color indexed="64"/>
      </right>
      <top/>
      <bottom style="thin">
        <color indexed="64"/>
      </bottom>
      <diagonal/>
    </border>
    <border>
      <left/>
      <right/>
      <top/>
      <bottom style="thin">
        <color indexed="64"/>
      </bottom>
      <diagonal/>
    </border>
    <border>
      <left/>
      <right/>
      <top style="thin">
        <color indexed="64"/>
      </top>
      <bottom style="thin">
        <color indexed="64"/>
      </bottom>
      <diagonal/>
    </border>
    <border>
      <left style="thin">
        <color indexed="64"/>
      </left>
      <right/>
      <top style="thin">
        <color indexed="64"/>
      </top>
      <bottom/>
      <diagonal/>
    </border>
    <border>
      <left style="thin">
        <color indexed="64"/>
      </left>
      <right/>
      <top style="thin">
        <color indexed="64"/>
      </top>
      <bottom style="medium">
        <color indexed="64"/>
      </bottom>
      <diagonal/>
    </border>
    <border>
      <left/>
      <right style="medium">
        <color indexed="64"/>
      </right>
      <top/>
      <bottom style="thin">
        <color indexed="64"/>
      </bottom>
      <diagonal/>
    </border>
    <border>
      <left style="double">
        <color indexed="64"/>
      </left>
      <right style="thin">
        <color indexed="64"/>
      </right>
      <top/>
      <bottom style="thin">
        <color indexed="64"/>
      </bottom>
      <diagonal/>
    </border>
    <border>
      <left style="double">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double">
        <color indexed="64"/>
      </left>
      <right style="thin">
        <color indexed="64"/>
      </right>
      <top style="thin">
        <color indexed="64"/>
      </top>
      <bottom/>
      <diagonal/>
    </border>
    <border>
      <left/>
      <right style="medium">
        <color indexed="64"/>
      </right>
      <top style="thin">
        <color indexed="64"/>
      </top>
      <bottom/>
      <diagonal/>
    </border>
    <border>
      <left/>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thin">
        <color indexed="64"/>
      </top>
      <bottom/>
      <diagonal/>
    </border>
    <border>
      <left style="double">
        <color indexed="64"/>
      </left>
      <right style="thin">
        <color indexed="64"/>
      </right>
      <top/>
      <bottom style="medium">
        <color indexed="64"/>
      </bottom>
      <diagonal/>
    </border>
    <border>
      <left/>
      <right style="medium">
        <color indexed="64"/>
      </right>
      <top/>
      <bottom style="medium">
        <color indexed="64"/>
      </bottom>
      <diagonal/>
    </border>
    <border>
      <left/>
      <right/>
      <top/>
      <bottom style="medium">
        <color indexed="64"/>
      </bottom>
      <diagonal/>
    </border>
    <border>
      <left style="thin">
        <color indexed="64"/>
      </left>
      <right style="medium">
        <color indexed="64"/>
      </right>
      <top/>
      <bottom style="medium">
        <color indexed="64"/>
      </bottom>
      <diagonal/>
    </border>
    <border>
      <left style="medium">
        <color indexed="64"/>
      </left>
      <right style="medium">
        <color indexed="64"/>
      </right>
      <top/>
      <bottom style="medium">
        <color indexed="64"/>
      </bottom>
      <diagonal/>
    </border>
    <border>
      <left style="double">
        <color indexed="64"/>
      </left>
      <right style="thin">
        <color indexed="64"/>
      </right>
      <top/>
      <bottom/>
      <diagonal/>
    </border>
    <border>
      <left/>
      <right style="medium">
        <color indexed="64"/>
      </right>
      <top/>
      <bottom/>
      <diagonal/>
    </border>
    <border>
      <left style="thin">
        <color indexed="64"/>
      </left>
      <right style="medium">
        <color indexed="64"/>
      </right>
      <top/>
      <bottom/>
      <diagonal/>
    </border>
    <border>
      <left style="medium">
        <color indexed="64"/>
      </left>
      <right style="medium">
        <color indexed="64"/>
      </right>
      <top/>
      <bottom/>
      <diagonal/>
    </border>
    <border>
      <left style="medium">
        <color indexed="64"/>
      </left>
      <right style="thin">
        <color indexed="64"/>
      </right>
      <top style="thin">
        <color indexed="64"/>
      </top>
      <bottom style="thin">
        <color indexed="64"/>
      </bottom>
      <diagonal/>
    </border>
    <border>
      <left style="double">
        <color indexed="64"/>
      </left>
      <right/>
      <top style="medium">
        <color indexed="64"/>
      </top>
      <bottom/>
      <diagonal/>
    </border>
    <border>
      <left/>
      <right style="medium">
        <color indexed="64"/>
      </right>
      <top style="medium">
        <color indexed="64"/>
      </top>
      <bottom/>
      <diagonal/>
    </border>
    <border>
      <left/>
      <right/>
      <top style="medium">
        <color indexed="64"/>
      </top>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diagonal/>
    </border>
    <border>
      <left/>
      <right style="hair">
        <color indexed="64"/>
      </right>
      <top style="medium">
        <color indexed="64"/>
      </top>
      <bottom/>
      <diagonal/>
    </border>
    <border>
      <left style="thin">
        <color indexed="64"/>
      </left>
      <right/>
      <top/>
      <bottom style="medium">
        <color indexed="64"/>
      </bottom>
      <diagonal/>
    </border>
    <border>
      <left/>
      <right style="hair">
        <color indexed="64"/>
      </right>
      <top/>
      <bottom style="medium">
        <color indexed="64"/>
      </bottom>
      <diagonal/>
    </border>
  </borders>
  <cellStyleXfs count="1">
    <xf numFmtId="0" fontId="0" fillId="0" borderId="0">
      <alignment vertical="center"/>
    </xf>
  </cellStyleXfs>
  <cellXfs count="292">
    <xf numFmtId="0" fontId="0" fillId="0" borderId="0" xfId="0">
      <alignment vertical="center"/>
    </xf>
    <xf numFmtId="0" fontId="8" fillId="0" borderId="0" xfId="0" applyFont="1">
      <alignment vertical="center"/>
    </xf>
    <xf numFmtId="0" fontId="0" fillId="0" borderId="0" xfId="0" applyAlignment="1">
      <alignment horizontal="centerContinuous" vertical="center"/>
    </xf>
    <xf numFmtId="0" fontId="9" fillId="0" borderId="0" xfId="0" applyFont="1" applyAlignment="1">
      <alignment horizontal="center" vertical="center"/>
    </xf>
    <xf numFmtId="0" fontId="9" fillId="0" borderId="0" xfId="0" applyFont="1" applyAlignment="1">
      <alignment horizontal="centerContinuous" vertical="center"/>
    </xf>
    <xf numFmtId="0" fontId="0" fillId="0" borderId="0" xfId="0" applyAlignment="1">
      <alignment vertical="center"/>
    </xf>
    <xf numFmtId="0" fontId="9" fillId="0" borderId="0" xfId="0" applyFont="1" applyAlignment="1">
      <alignment vertical="center"/>
    </xf>
    <xf numFmtId="0" fontId="12" fillId="0" borderId="0" xfId="0" applyFont="1">
      <alignment vertical="center"/>
    </xf>
    <xf numFmtId="0" fontId="13" fillId="0" borderId="0" xfId="0" applyFont="1">
      <alignment vertical="center"/>
    </xf>
    <xf numFmtId="0" fontId="14" fillId="0" borderId="0" xfId="0" applyFont="1" applyAlignment="1">
      <alignment vertical="center"/>
    </xf>
    <xf numFmtId="0" fontId="15" fillId="0" borderId="0" xfId="0" applyFont="1" applyAlignment="1">
      <alignment vertical="center"/>
    </xf>
    <xf numFmtId="0" fontId="10" fillId="0" borderId="0" xfId="0" applyFont="1">
      <alignment vertical="center"/>
    </xf>
    <xf numFmtId="0" fontId="3" fillId="0" borderId="0" xfId="0" applyFont="1">
      <alignment vertical="center"/>
    </xf>
    <xf numFmtId="0" fontId="6" fillId="0" borderId="0" xfId="0" applyFont="1">
      <alignment vertical="center"/>
    </xf>
    <xf numFmtId="0" fontId="11" fillId="0" borderId="0" xfId="0" applyFont="1">
      <alignment vertical="center"/>
    </xf>
    <xf numFmtId="0" fontId="16" fillId="0" borderId="0" xfId="0" applyFont="1">
      <alignment vertical="center"/>
    </xf>
    <xf numFmtId="0" fontId="17" fillId="0" borderId="0" xfId="0" applyFont="1">
      <alignment vertical="center"/>
    </xf>
    <xf numFmtId="0" fontId="16" fillId="0" borderId="0" xfId="0" applyFont="1" applyAlignment="1">
      <alignment vertical="center"/>
    </xf>
    <xf numFmtId="0" fontId="11" fillId="0" borderId="0" xfId="0" applyFont="1" applyAlignment="1">
      <alignment horizontal="left" vertical="center"/>
    </xf>
    <xf numFmtId="0" fontId="11" fillId="0" borderId="0" xfId="0" applyFont="1" applyAlignment="1">
      <alignment vertical="center"/>
    </xf>
    <xf numFmtId="0" fontId="19" fillId="0" borderId="0" xfId="0" applyFont="1" applyAlignment="1">
      <alignment vertical="center"/>
    </xf>
    <xf numFmtId="0" fontId="18" fillId="0" borderId="0" xfId="0" applyFont="1" applyAlignment="1">
      <alignment horizontal="left" vertical="center"/>
    </xf>
    <xf numFmtId="0" fontId="19" fillId="0" borderId="0" xfId="0" applyFont="1" applyAlignment="1">
      <alignment horizontal="left" vertical="center"/>
    </xf>
    <xf numFmtId="0" fontId="14" fillId="0" borderId="0" xfId="0" applyFont="1" applyAlignment="1">
      <alignment horizontal="left" vertical="center" indent="1"/>
    </xf>
    <xf numFmtId="0" fontId="16" fillId="0" borderId="0" xfId="0" applyFont="1" applyAlignment="1">
      <alignment horizontal="left" vertical="center" indent="1"/>
    </xf>
    <xf numFmtId="0" fontId="20" fillId="0" borderId="0" xfId="0" applyFont="1" applyAlignment="1">
      <alignment horizontal="centerContinuous" vertical="center"/>
    </xf>
    <xf numFmtId="0" fontId="19" fillId="0" borderId="0" xfId="0" applyFont="1">
      <alignment vertical="center"/>
    </xf>
    <xf numFmtId="0" fontId="22" fillId="0" borderId="0" xfId="0" applyFont="1" applyAlignment="1">
      <alignment horizontal="justify" vertical="center"/>
    </xf>
    <xf numFmtId="0" fontId="22" fillId="0" borderId="0" xfId="0" applyFont="1" applyAlignment="1">
      <alignment vertical="top"/>
    </xf>
    <xf numFmtId="0" fontId="0" fillId="0" borderId="0" xfId="0" applyAlignment="1">
      <alignment vertical="top"/>
    </xf>
    <xf numFmtId="0" fontId="23" fillId="0" borderId="0" xfId="0" applyFont="1">
      <alignment vertical="center"/>
    </xf>
    <xf numFmtId="0" fontId="25" fillId="0" borderId="0" xfId="0" applyFont="1" applyAlignment="1">
      <alignment vertical="center"/>
    </xf>
    <xf numFmtId="0" fontId="26" fillId="0" borderId="0" xfId="0" applyFont="1" applyAlignment="1">
      <alignment vertical="top"/>
    </xf>
    <xf numFmtId="0" fontId="27" fillId="0" borderId="0" xfId="0" applyFont="1" applyAlignment="1">
      <alignment vertical="top"/>
    </xf>
    <xf numFmtId="0" fontId="22" fillId="0" borderId="0" xfId="0" applyFont="1" applyAlignment="1">
      <alignment vertical="center"/>
    </xf>
    <xf numFmtId="0" fontId="29" fillId="0" borderId="0" xfId="0" applyFont="1">
      <alignment vertical="center"/>
    </xf>
    <xf numFmtId="0" fontId="10" fillId="0" borderId="0" xfId="0" applyFont="1" applyBorder="1">
      <alignment vertical="center"/>
    </xf>
    <xf numFmtId="0" fontId="23" fillId="0" borderId="0" xfId="0" applyFont="1" applyBorder="1">
      <alignment vertical="center"/>
    </xf>
    <xf numFmtId="0" fontId="17" fillId="0" borderId="0" xfId="0" applyFont="1" applyBorder="1">
      <alignment vertical="center"/>
    </xf>
    <xf numFmtId="0" fontId="16" fillId="0" borderId="0" xfId="0" applyFont="1" applyBorder="1">
      <alignment vertical="center"/>
    </xf>
    <xf numFmtId="0" fontId="10" fillId="0" borderId="1" xfId="0" applyFont="1" applyBorder="1">
      <alignment vertical="center"/>
    </xf>
    <xf numFmtId="0" fontId="10" fillId="0" borderId="2" xfId="0" applyFont="1" applyBorder="1">
      <alignment vertical="center"/>
    </xf>
    <xf numFmtId="0" fontId="10" fillId="0" borderId="3" xfId="0" applyFont="1" applyBorder="1">
      <alignment vertical="center"/>
    </xf>
    <xf numFmtId="0" fontId="11" fillId="0" borderId="4" xfId="0" applyFont="1" applyBorder="1" applyAlignment="1">
      <alignment vertical="center"/>
    </xf>
    <xf numFmtId="0" fontId="23" fillId="0" borderId="4" xfId="0" applyFont="1" applyBorder="1">
      <alignment vertical="center"/>
    </xf>
    <xf numFmtId="0" fontId="23" fillId="0" borderId="3" xfId="0" applyFont="1" applyBorder="1">
      <alignment vertical="center"/>
    </xf>
    <xf numFmtId="0" fontId="16" fillId="0" borderId="4" xfId="0" applyFont="1" applyBorder="1" applyAlignment="1">
      <alignment vertical="center"/>
    </xf>
    <xf numFmtId="0" fontId="17" fillId="0" borderId="3" xfId="0" applyFont="1" applyBorder="1">
      <alignment vertical="center"/>
    </xf>
    <xf numFmtId="0" fontId="16" fillId="0" borderId="4" xfId="0" applyFont="1" applyBorder="1">
      <alignment vertical="center"/>
    </xf>
    <xf numFmtId="0" fontId="16" fillId="0" borderId="3" xfId="0" applyFont="1" applyBorder="1">
      <alignment vertical="center"/>
    </xf>
    <xf numFmtId="0" fontId="23" fillId="0" borderId="5" xfId="0" applyFont="1" applyBorder="1">
      <alignment vertical="center"/>
    </xf>
    <xf numFmtId="0" fontId="23" fillId="0" borderId="6" xfId="0" applyFont="1" applyBorder="1">
      <alignment vertical="center"/>
    </xf>
    <xf numFmtId="0" fontId="16" fillId="0" borderId="7" xfId="0" applyFont="1" applyBorder="1">
      <alignment vertical="center"/>
    </xf>
    <xf numFmtId="0" fontId="16" fillId="0" borderId="5" xfId="0" applyFont="1" applyBorder="1">
      <alignment vertical="center"/>
    </xf>
    <xf numFmtId="0" fontId="16" fillId="0" borderId="6" xfId="0" applyFont="1" applyBorder="1">
      <alignment vertical="center"/>
    </xf>
    <xf numFmtId="0" fontId="23" fillId="0" borderId="1" xfId="0" applyFont="1" applyBorder="1">
      <alignment vertical="center"/>
    </xf>
    <xf numFmtId="0" fontId="23" fillId="0" borderId="2" xfId="0" applyFont="1" applyBorder="1">
      <alignment vertical="center"/>
    </xf>
    <xf numFmtId="0" fontId="6" fillId="0" borderId="4" xfId="0" applyFont="1" applyBorder="1">
      <alignment vertical="center"/>
    </xf>
    <xf numFmtId="0" fontId="8" fillId="0" borderId="0" xfId="0" applyFont="1" applyBorder="1">
      <alignment vertical="center"/>
    </xf>
    <xf numFmtId="0" fontId="8" fillId="0" borderId="3" xfId="0" applyFont="1" applyBorder="1">
      <alignment vertical="center"/>
    </xf>
    <xf numFmtId="0" fontId="21" fillId="0" borderId="8" xfId="0" applyFont="1" applyBorder="1">
      <alignment vertical="center"/>
    </xf>
    <xf numFmtId="0" fontId="32" fillId="0" borderId="0" xfId="0" applyFont="1" applyAlignment="1">
      <alignment horizontal="left" vertical="center" indent="1"/>
    </xf>
    <xf numFmtId="0" fontId="34" fillId="0" borderId="0" xfId="0" applyFont="1">
      <alignment vertical="center"/>
    </xf>
    <xf numFmtId="0" fontId="30" fillId="0" borderId="0" xfId="0" applyFont="1" applyAlignment="1">
      <alignment vertical="center"/>
    </xf>
    <xf numFmtId="0" fontId="19" fillId="0" borderId="8" xfId="0" applyFont="1" applyBorder="1" applyAlignment="1">
      <alignment vertical="center"/>
    </xf>
    <xf numFmtId="0" fontId="19" fillId="0" borderId="4" xfId="0" applyFont="1" applyBorder="1">
      <alignment vertical="center"/>
    </xf>
    <xf numFmtId="0" fontId="19" fillId="0" borderId="4" xfId="0" applyFont="1" applyBorder="1" applyAlignment="1">
      <alignment vertical="center"/>
    </xf>
    <xf numFmtId="0" fontId="18" fillId="0" borderId="4" xfId="0" applyFont="1" applyBorder="1">
      <alignment vertical="center"/>
    </xf>
    <xf numFmtId="0" fontId="32" fillId="0" borderId="0" xfId="0" applyFont="1">
      <alignment vertical="center"/>
    </xf>
    <xf numFmtId="0" fontId="29" fillId="0" borderId="0" xfId="0" applyFont="1" applyAlignment="1">
      <alignment horizontal="left" vertical="center"/>
    </xf>
    <xf numFmtId="0" fontId="37" fillId="0" borderId="0" xfId="0" applyFont="1" applyAlignment="1" applyProtection="1">
      <alignment vertical="distributed" wrapText="1"/>
    </xf>
    <xf numFmtId="0" fontId="37" fillId="0" borderId="0" xfId="0" applyFont="1">
      <alignment vertical="center"/>
    </xf>
    <xf numFmtId="0" fontId="37" fillId="0" borderId="0" xfId="0" applyFont="1" applyAlignment="1" applyProtection="1">
      <alignment vertical="distributed"/>
    </xf>
    <xf numFmtId="0" fontId="37" fillId="0" borderId="0" xfId="0" applyFont="1" applyAlignment="1" applyProtection="1">
      <alignment vertical="center"/>
    </xf>
    <xf numFmtId="0" fontId="38" fillId="0" borderId="0" xfId="0" applyFont="1">
      <alignment vertical="center"/>
    </xf>
    <xf numFmtId="0" fontId="38" fillId="0" borderId="0" xfId="0" applyFont="1" applyAlignment="1">
      <alignment vertical="center"/>
    </xf>
    <xf numFmtId="0" fontId="0" fillId="0" borderId="9" xfId="0" applyBorder="1">
      <alignment vertical="center"/>
    </xf>
    <xf numFmtId="0" fontId="15" fillId="0" borderId="9" xfId="0" applyFont="1" applyBorder="1">
      <alignment vertical="center"/>
    </xf>
    <xf numFmtId="0" fontId="16" fillId="0" borderId="9" xfId="0" applyFont="1" applyBorder="1">
      <alignment vertical="center"/>
    </xf>
    <xf numFmtId="0" fontId="33" fillId="0" borderId="9" xfId="0" applyFont="1" applyBorder="1">
      <alignment vertical="center"/>
    </xf>
    <xf numFmtId="0" fontId="0" fillId="0" borderId="10" xfId="0" applyBorder="1">
      <alignment vertical="center"/>
    </xf>
    <xf numFmtId="0" fontId="39" fillId="0" borderId="0" xfId="0" applyFont="1">
      <alignment vertical="center"/>
    </xf>
    <xf numFmtId="0" fontId="39" fillId="0" borderId="0" xfId="0" applyFont="1" applyAlignment="1">
      <alignment horizontal="centerContinuous" vertical="center"/>
    </xf>
    <xf numFmtId="0" fontId="13" fillId="0" borderId="0" xfId="0" applyFont="1" applyAlignment="1">
      <alignment horizontal="centerContinuous" vertical="center"/>
    </xf>
    <xf numFmtId="0" fontId="16" fillId="0" borderId="11" xfId="0" applyFont="1" applyBorder="1">
      <alignment vertical="center"/>
    </xf>
    <xf numFmtId="0" fontId="0" fillId="0" borderId="11" xfId="0" applyBorder="1">
      <alignment vertical="center"/>
    </xf>
    <xf numFmtId="0" fontId="0" fillId="0" borderId="12" xfId="0" applyBorder="1">
      <alignment vertical="center"/>
    </xf>
    <xf numFmtId="0" fontId="15" fillId="0" borderId="11" xfId="0" applyFont="1" applyBorder="1">
      <alignment vertical="center"/>
    </xf>
    <xf numFmtId="0" fontId="40" fillId="0" borderId="0" xfId="0" applyFont="1" applyAlignment="1">
      <alignment horizontal="centerContinuous" vertical="center"/>
    </xf>
    <xf numFmtId="0" fontId="15" fillId="0" borderId="9" xfId="0" applyFont="1" applyBorder="1" applyAlignment="1">
      <alignment horizontal="justify" vertical="top" wrapText="1"/>
    </xf>
    <xf numFmtId="0" fontId="11" fillId="0" borderId="9" xfId="0" applyFont="1" applyBorder="1">
      <alignment vertical="center"/>
    </xf>
    <xf numFmtId="0" fontId="15" fillId="0" borderId="9" xfId="0" applyFont="1" applyBorder="1" applyAlignment="1">
      <alignment horizontal="left" vertical="center"/>
    </xf>
    <xf numFmtId="0" fontId="41" fillId="0" borderId="0" xfId="0" applyFont="1">
      <alignment vertical="center"/>
    </xf>
    <xf numFmtId="0" fontId="41" fillId="0" borderId="0" xfId="0" applyFont="1" applyAlignment="1">
      <alignment horizontal="centerContinuous" vertical="center"/>
    </xf>
    <xf numFmtId="0" fontId="31" fillId="0" borderId="0" xfId="0" applyFont="1" applyAlignment="1">
      <alignment horizontal="center" vertical="center"/>
    </xf>
    <xf numFmtId="0" fontId="0" fillId="0" borderId="0" xfId="0" applyAlignment="1">
      <alignment horizontal="left" vertical="center"/>
    </xf>
    <xf numFmtId="0" fontId="42" fillId="0" borderId="0" xfId="0" applyFont="1" applyAlignment="1">
      <alignment horizontal="centerContinuous" vertical="center"/>
    </xf>
    <xf numFmtId="0" fontId="22" fillId="0" borderId="0" xfId="0" applyFont="1" applyAlignment="1">
      <alignment horizontal="left" vertical="center"/>
    </xf>
    <xf numFmtId="0" fontId="37" fillId="0" borderId="0" xfId="0" applyFont="1" applyAlignment="1">
      <alignment horizontal="centerContinuous" vertical="center"/>
    </xf>
    <xf numFmtId="0" fontId="28" fillId="0" borderId="0" xfId="0" applyFont="1" applyAlignment="1">
      <alignment horizontal="centerContinuous" vertical="center"/>
    </xf>
    <xf numFmtId="0" fontId="43" fillId="0" borderId="0" xfId="0" applyFont="1" applyAlignment="1">
      <alignment horizontal="centerContinuous" vertical="center"/>
    </xf>
    <xf numFmtId="0" fontId="28" fillId="0" borderId="0" xfId="0" applyFont="1" applyAlignment="1">
      <alignment vertical="center"/>
    </xf>
    <xf numFmtId="0" fontId="37" fillId="0" borderId="0" xfId="0" applyFont="1" applyAlignment="1">
      <alignment vertical="center"/>
    </xf>
    <xf numFmtId="0" fontId="43" fillId="0" borderId="0" xfId="0" applyFont="1" applyAlignment="1">
      <alignment vertical="center"/>
    </xf>
    <xf numFmtId="0" fontId="44" fillId="0" borderId="0" xfId="0" applyFont="1" applyAlignment="1">
      <alignment horizontal="centerContinuous" vertical="center"/>
    </xf>
    <xf numFmtId="0" fontId="15" fillId="0" borderId="0" xfId="0" applyFont="1" applyBorder="1">
      <alignment vertical="center"/>
    </xf>
    <xf numFmtId="0" fontId="0" fillId="0" borderId="0" xfId="0" applyBorder="1">
      <alignment vertical="center"/>
    </xf>
    <xf numFmtId="0" fontId="11" fillId="0" borderId="11" xfId="0" applyFont="1" applyBorder="1">
      <alignment vertical="center"/>
    </xf>
    <xf numFmtId="0" fontId="15" fillId="0" borderId="0" xfId="0" applyFont="1" applyBorder="1" applyAlignment="1">
      <alignment horizontal="left" vertical="top" wrapText="1"/>
    </xf>
    <xf numFmtId="0" fontId="0" fillId="2" borderId="0" xfId="0" applyFill="1">
      <alignment vertical="center"/>
    </xf>
    <xf numFmtId="0" fontId="31" fillId="0" borderId="0" xfId="0" applyFont="1" applyAlignment="1">
      <alignment horizontal="centerContinuous" vertical="center"/>
    </xf>
    <xf numFmtId="0" fontId="11" fillId="0" borderId="0" xfId="0" applyFont="1" applyBorder="1">
      <alignment vertical="center"/>
    </xf>
    <xf numFmtId="0" fontId="10" fillId="0" borderId="11" xfId="0" applyFont="1" applyBorder="1">
      <alignment vertical="center"/>
    </xf>
    <xf numFmtId="0" fontId="10" fillId="0" borderId="12" xfId="0" applyFont="1" applyBorder="1">
      <alignment vertical="center"/>
    </xf>
    <xf numFmtId="0" fontId="10" fillId="0" borderId="10" xfId="0" applyFont="1" applyBorder="1">
      <alignment vertical="center"/>
    </xf>
    <xf numFmtId="0" fontId="10" fillId="0" borderId="9" xfId="0" applyFont="1" applyBorder="1">
      <alignment vertical="center"/>
    </xf>
    <xf numFmtId="0" fontId="45" fillId="0" borderId="0" xfId="0" applyFont="1" applyAlignment="1">
      <alignment horizontal="center" vertical="center"/>
    </xf>
    <xf numFmtId="0" fontId="46" fillId="0" borderId="0" xfId="0" applyFont="1">
      <alignment vertical="center"/>
    </xf>
    <xf numFmtId="0" fontId="12" fillId="0" borderId="0" xfId="0" applyFont="1" applyAlignment="1">
      <alignment vertical="center"/>
    </xf>
    <xf numFmtId="0" fontId="1" fillId="0" borderId="0" xfId="0" applyFont="1">
      <alignment vertical="center"/>
    </xf>
    <xf numFmtId="0" fontId="1" fillId="0" borderId="0" xfId="0" applyFont="1" applyAlignment="1">
      <alignment horizontal="centerContinuous" vertical="center"/>
    </xf>
    <xf numFmtId="0" fontId="1" fillId="0" borderId="9" xfId="0" applyFont="1" applyBorder="1">
      <alignment vertical="center"/>
    </xf>
    <xf numFmtId="0" fontId="1" fillId="0" borderId="10" xfId="0" applyFont="1" applyBorder="1">
      <alignment vertical="center"/>
    </xf>
    <xf numFmtId="0" fontId="18" fillId="0" borderId="0" xfId="0" applyFont="1">
      <alignment vertical="center"/>
    </xf>
    <xf numFmtId="0" fontId="17" fillId="0" borderId="0" xfId="0" applyFont="1" applyAlignment="1">
      <alignment horizontal="left" vertical="center" indent="2"/>
    </xf>
    <xf numFmtId="0" fontId="37" fillId="0" borderId="0" xfId="0" applyFont="1" applyAlignment="1">
      <alignment horizontal="left" vertical="center" indent="2"/>
    </xf>
    <xf numFmtId="0" fontId="24" fillId="0" borderId="0" xfId="0" applyFont="1" applyAlignment="1">
      <alignment vertical="center"/>
    </xf>
    <xf numFmtId="0" fontId="47" fillId="0" borderId="0" xfId="0" applyFont="1" applyAlignment="1">
      <alignment horizontal="right" vertical="center"/>
    </xf>
    <xf numFmtId="0" fontId="34" fillId="0" borderId="0" xfId="0" applyFont="1" applyAlignment="1">
      <alignment horizontal="centerContinuous" vertical="center"/>
    </xf>
    <xf numFmtId="0" fontId="12" fillId="0" borderId="0" xfId="0" applyFont="1" applyAlignment="1">
      <alignment horizontal="centerContinuous" vertical="center"/>
    </xf>
    <xf numFmtId="0" fontId="48" fillId="0" borderId="0" xfId="0" applyFont="1" applyAlignment="1">
      <alignment horizontal="centerContinuous" vertical="center"/>
    </xf>
    <xf numFmtId="0" fontId="48" fillId="0" borderId="0" xfId="0" applyFont="1" applyAlignment="1">
      <alignment horizontal="right" vertical="center"/>
    </xf>
    <xf numFmtId="0" fontId="48" fillId="0" borderId="0" xfId="0" applyFont="1" applyAlignment="1">
      <alignment horizontal="left" vertical="center"/>
    </xf>
    <xf numFmtId="0" fontId="1" fillId="0" borderId="13" xfId="0" applyFont="1" applyBorder="1" applyAlignment="1">
      <alignment horizontal="center" vertical="center" wrapText="1"/>
    </xf>
    <xf numFmtId="0" fontId="1" fillId="0" borderId="14" xfId="0" applyFont="1" applyBorder="1" applyAlignment="1">
      <alignment horizontal="center" vertical="center" wrapText="1"/>
    </xf>
    <xf numFmtId="0" fontId="1" fillId="0" borderId="15" xfId="0" applyFont="1" applyBorder="1" applyAlignment="1">
      <alignment horizontal="center" vertical="center" wrapText="1"/>
    </xf>
    <xf numFmtId="0" fontId="1" fillId="0" borderId="14" xfId="0" applyFont="1" applyFill="1" applyBorder="1" applyAlignment="1">
      <alignment horizontal="center" vertical="center" wrapText="1"/>
    </xf>
    <xf numFmtId="49" fontId="5" fillId="0" borderId="10" xfId="0" quotePrefix="1" applyNumberFormat="1" applyFont="1" applyBorder="1" applyAlignment="1">
      <alignment horizontal="left" vertical="top" shrinkToFit="1"/>
    </xf>
    <xf numFmtId="0" fontId="1" fillId="0" borderId="16" xfId="0" applyFont="1" applyBorder="1">
      <alignment vertical="center"/>
    </xf>
    <xf numFmtId="0" fontId="0" fillId="0" borderId="17" xfId="0" applyBorder="1">
      <alignment vertical="center"/>
    </xf>
    <xf numFmtId="49" fontId="5" fillId="0" borderId="18" xfId="0" quotePrefix="1" applyNumberFormat="1" applyFont="1" applyBorder="1" applyAlignment="1">
      <alignment horizontal="left" vertical="top" shrinkToFit="1"/>
    </xf>
    <xf numFmtId="0" fontId="1" fillId="0" borderId="19" xfId="0" applyFont="1" applyBorder="1">
      <alignment vertical="center"/>
    </xf>
    <xf numFmtId="0" fontId="0" fillId="0" borderId="20" xfId="0" applyBorder="1">
      <alignment vertical="center"/>
    </xf>
    <xf numFmtId="49" fontId="5" fillId="0" borderId="18" xfId="0" applyNumberFormat="1" applyFont="1" applyBorder="1" applyAlignment="1">
      <alignment horizontal="left" vertical="top" shrinkToFit="1"/>
    </xf>
    <xf numFmtId="0" fontId="1" fillId="0" borderId="21" xfId="0" applyFont="1" applyBorder="1">
      <alignment vertical="center"/>
    </xf>
    <xf numFmtId="0" fontId="3" fillId="0" borderId="22" xfId="0" applyFont="1" applyBorder="1" applyAlignment="1">
      <alignment horizontal="center" vertical="top" wrapText="1"/>
    </xf>
    <xf numFmtId="0" fontId="4" fillId="0" borderId="9" xfId="0" applyFont="1" applyBorder="1" applyAlignment="1">
      <alignment horizontal="left" vertical="top" wrapText="1"/>
    </xf>
    <xf numFmtId="49" fontId="5" fillId="0" borderId="23" xfId="0" applyNumberFormat="1" applyFont="1" applyBorder="1" applyAlignment="1">
      <alignment horizontal="left" vertical="top" shrinkToFit="1"/>
    </xf>
    <xf numFmtId="0" fontId="1" fillId="0" borderId="19" xfId="0" applyFont="1" applyFill="1" applyBorder="1" applyAlignment="1">
      <alignment horizontal="center" vertical="center" wrapText="1"/>
    </xf>
    <xf numFmtId="0" fontId="0" fillId="0" borderId="20" xfId="0" applyBorder="1" applyAlignment="1">
      <alignment horizontal="center" vertical="center"/>
    </xf>
    <xf numFmtId="0" fontId="1" fillId="0" borderId="22" xfId="0" applyFont="1" applyBorder="1" applyAlignment="1">
      <alignment vertical="top" wrapText="1"/>
    </xf>
    <xf numFmtId="0" fontId="1" fillId="0" borderId="9" xfId="0" applyFont="1" applyBorder="1" applyAlignment="1">
      <alignment vertical="top" wrapText="1"/>
    </xf>
    <xf numFmtId="0" fontId="1" fillId="0" borderId="22" xfId="0" applyFont="1" applyBorder="1" applyAlignment="1">
      <alignment horizontal="center" vertical="top" wrapText="1"/>
    </xf>
    <xf numFmtId="0" fontId="1" fillId="0" borderId="9" xfId="0" applyFont="1" applyBorder="1" applyAlignment="1">
      <alignment horizontal="left" vertical="top" wrapText="1"/>
    </xf>
    <xf numFmtId="49" fontId="12" fillId="0" borderId="23" xfId="0" applyNumberFormat="1" applyFont="1" applyBorder="1" applyAlignment="1">
      <alignment horizontal="left" vertical="top" shrinkToFit="1"/>
    </xf>
    <xf numFmtId="0" fontId="3" fillId="0" borderId="24" xfId="0" applyFont="1" applyBorder="1" applyAlignment="1">
      <alignment horizontal="center" vertical="top" wrapText="1"/>
    </xf>
    <xf numFmtId="0" fontId="4" fillId="0" borderId="9" xfId="0" applyFont="1" applyBorder="1" applyAlignment="1">
      <alignment vertical="top" wrapText="1"/>
    </xf>
    <xf numFmtId="49" fontId="5" fillId="0" borderId="10" xfId="0" applyNumberFormat="1" applyFont="1" applyBorder="1" applyAlignment="1">
      <alignment horizontal="left" vertical="top" shrinkToFit="1"/>
    </xf>
    <xf numFmtId="49" fontId="12" fillId="0" borderId="18" xfId="0" applyNumberFormat="1" applyFont="1" applyBorder="1" applyAlignment="1">
      <alignment horizontal="left" vertical="top" shrinkToFit="1"/>
    </xf>
    <xf numFmtId="0" fontId="4" fillId="0" borderId="25" xfId="0" applyFont="1" applyBorder="1" applyAlignment="1">
      <alignment vertical="top" wrapText="1"/>
    </xf>
    <xf numFmtId="0" fontId="3" fillId="0" borderId="22" xfId="0" applyFont="1" applyBorder="1" applyAlignment="1">
      <alignment vertical="top" wrapText="1"/>
    </xf>
    <xf numFmtId="0" fontId="3" fillId="0" borderId="26" xfId="0" applyFont="1" applyBorder="1" applyAlignment="1">
      <alignment vertical="top" wrapText="1"/>
    </xf>
    <xf numFmtId="0" fontId="4" fillId="0" borderId="10" xfId="0" applyFont="1" applyBorder="1" applyAlignment="1">
      <alignment vertical="top" wrapText="1"/>
    </xf>
    <xf numFmtId="0" fontId="3" fillId="0" borderId="27" xfId="0" applyFont="1" applyBorder="1" applyAlignment="1">
      <alignment vertical="top" wrapText="1"/>
    </xf>
    <xf numFmtId="0" fontId="4" fillId="0" borderId="28" xfId="0" applyFont="1" applyBorder="1" applyAlignment="1">
      <alignment vertical="top" wrapText="1"/>
    </xf>
    <xf numFmtId="49" fontId="5" fillId="0" borderId="29" xfId="0" applyNumberFormat="1" applyFont="1" applyBorder="1" applyAlignment="1">
      <alignment horizontal="left" vertical="top" shrinkToFit="1"/>
    </xf>
    <xf numFmtId="0" fontId="1" fillId="0" borderId="14" xfId="0" applyFont="1" applyBorder="1">
      <alignment vertical="center"/>
    </xf>
    <xf numFmtId="0" fontId="0" fillId="0" borderId="30" xfId="0" applyBorder="1">
      <alignment vertical="center"/>
    </xf>
    <xf numFmtId="0" fontId="10" fillId="0" borderId="0" xfId="0" applyFont="1" applyAlignment="1">
      <alignment horizontal="centerContinuous" vertical="center"/>
    </xf>
    <xf numFmtId="0" fontId="10" fillId="0" borderId="31" xfId="0" applyFont="1" applyBorder="1" applyAlignment="1">
      <alignment horizontal="center" vertical="center" wrapText="1"/>
    </xf>
    <xf numFmtId="0" fontId="10" fillId="0" borderId="32" xfId="0" applyFont="1" applyBorder="1" applyAlignment="1">
      <alignment horizontal="center" vertical="center" wrapText="1"/>
    </xf>
    <xf numFmtId="0" fontId="10" fillId="0" borderId="32" xfId="0" applyFont="1" applyFill="1" applyBorder="1" applyAlignment="1">
      <alignment horizontal="center" vertical="center" wrapText="1"/>
    </xf>
    <xf numFmtId="0" fontId="10" fillId="0" borderId="33" xfId="0" applyFont="1" applyBorder="1" applyAlignment="1">
      <alignment horizontal="center" vertical="center" wrapText="1"/>
    </xf>
    <xf numFmtId="0" fontId="10" fillId="0" borderId="34" xfId="0" applyFont="1" applyBorder="1" applyAlignment="1">
      <alignment horizontal="center" vertical="center" wrapText="1"/>
    </xf>
    <xf numFmtId="0" fontId="10" fillId="0" borderId="34" xfId="0" applyFont="1" applyFill="1" applyBorder="1" applyAlignment="1">
      <alignment horizontal="center" vertical="center" wrapText="1"/>
    </xf>
    <xf numFmtId="0" fontId="10" fillId="0" borderId="0" xfId="0" applyFont="1" applyAlignment="1">
      <alignment horizontal="center" vertical="center"/>
    </xf>
    <xf numFmtId="0" fontId="50" fillId="0" borderId="0" xfId="0" applyFont="1" applyAlignment="1">
      <alignment horizontal="center" vertical="center"/>
    </xf>
    <xf numFmtId="0" fontId="10" fillId="0" borderId="35" xfId="0" applyFont="1" applyBorder="1" applyAlignment="1">
      <alignment horizontal="center" vertical="center"/>
    </xf>
    <xf numFmtId="0" fontId="10" fillId="0" borderId="36" xfId="0" applyFont="1" applyBorder="1" applyAlignment="1">
      <alignment horizontal="center" vertical="center"/>
    </xf>
    <xf numFmtId="0" fontId="10" fillId="0" borderId="33" xfId="0" applyFont="1" applyBorder="1" applyAlignment="1">
      <alignment horizontal="center" vertical="center"/>
    </xf>
    <xf numFmtId="0" fontId="10" fillId="0" borderId="34" xfId="0" applyFont="1" applyBorder="1" applyAlignment="1">
      <alignment horizontal="center" vertical="center"/>
    </xf>
    <xf numFmtId="0" fontId="10" fillId="0" borderId="37" xfId="0" applyFont="1" applyBorder="1" applyAlignment="1">
      <alignment horizontal="center" vertical="center"/>
    </xf>
    <xf numFmtId="0" fontId="10" fillId="0" borderId="38" xfId="0" applyFont="1" applyBorder="1" applyAlignment="1">
      <alignment horizontal="center" vertical="center"/>
    </xf>
    <xf numFmtId="0" fontId="11" fillId="0" borderId="10" xfId="0" applyFont="1" applyBorder="1">
      <alignment vertical="center"/>
    </xf>
    <xf numFmtId="0" fontId="1" fillId="0" borderId="39" xfId="0" applyFont="1" applyBorder="1" applyAlignment="1">
      <alignment horizontal="centerContinuous" vertical="center"/>
    </xf>
    <xf numFmtId="0" fontId="1" fillId="0" borderId="27" xfId="0" applyFont="1" applyBorder="1" applyAlignment="1">
      <alignment vertical="top" wrapText="1"/>
    </xf>
    <xf numFmtId="0" fontId="1" fillId="0" borderId="28" xfId="0" applyFont="1" applyBorder="1" applyAlignment="1">
      <alignment vertical="top" wrapText="1"/>
    </xf>
    <xf numFmtId="0" fontId="51" fillId="0" borderId="40" xfId="0" applyFont="1" applyBorder="1" applyAlignment="1">
      <alignment horizontal="left" vertical="top" wrapText="1"/>
    </xf>
    <xf numFmtId="0" fontId="51" fillId="0" borderId="41" xfId="0" applyFont="1" applyBorder="1" applyAlignment="1">
      <alignment horizontal="left" vertical="top" wrapText="1"/>
    </xf>
    <xf numFmtId="0" fontId="51" fillId="0" borderId="0" xfId="0" applyFont="1" applyBorder="1" applyAlignment="1">
      <alignment vertical="top" wrapText="1"/>
    </xf>
    <xf numFmtId="0" fontId="51" fillId="0" borderId="41" xfId="0" applyFont="1" applyBorder="1" applyAlignment="1">
      <alignment vertical="top" wrapText="1"/>
    </xf>
    <xf numFmtId="0" fontId="51" fillId="0" borderId="23" xfId="0" applyFont="1" applyBorder="1" applyAlignment="1">
      <alignment vertical="top" wrapText="1"/>
    </xf>
    <xf numFmtId="0" fontId="51" fillId="0" borderId="23" xfId="0" applyFont="1" applyBorder="1" applyAlignment="1">
      <alignment horizontal="left" vertical="top" wrapText="1"/>
    </xf>
    <xf numFmtId="0" fontId="51" fillId="0" borderId="42" xfId="0" applyFont="1" applyBorder="1" applyAlignment="1">
      <alignment vertical="top" wrapText="1"/>
    </xf>
    <xf numFmtId="0" fontId="51" fillId="0" borderId="23" xfId="0" applyFont="1" applyBorder="1" applyAlignment="1">
      <alignment horizontal="justify" vertical="top" wrapText="1"/>
    </xf>
    <xf numFmtId="0" fontId="51" fillId="0" borderId="12" xfId="0" applyFont="1" applyBorder="1" applyAlignment="1">
      <alignment horizontal="left" vertical="top" wrapText="1"/>
    </xf>
    <xf numFmtId="0" fontId="51" fillId="0" borderId="42" xfId="0" applyFont="1" applyBorder="1" applyAlignment="1">
      <alignment horizontal="left" vertical="top" wrapText="1"/>
    </xf>
    <xf numFmtId="0" fontId="51" fillId="0" borderId="43" xfId="0" applyFont="1" applyBorder="1" applyAlignment="1">
      <alignment horizontal="left" vertical="top" wrapText="1"/>
    </xf>
    <xf numFmtId="0" fontId="31" fillId="0" borderId="44" xfId="0" applyFont="1" applyBorder="1" applyAlignment="1">
      <alignment horizontal="center" vertical="center"/>
    </xf>
    <xf numFmtId="0" fontId="31" fillId="0" borderId="45" xfId="0" applyFont="1" applyBorder="1" applyAlignment="1">
      <alignment horizontal="center" vertical="center"/>
    </xf>
    <xf numFmtId="0" fontId="31" fillId="0" borderId="40" xfId="0" applyFont="1" applyBorder="1" applyAlignment="1">
      <alignment horizontal="center" vertical="center"/>
    </xf>
    <xf numFmtId="0" fontId="31" fillId="0" borderId="46" xfId="0" applyFont="1" applyBorder="1" applyAlignment="1">
      <alignment horizontal="center" vertical="center"/>
    </xf>
    <xf numFmtId="0" fontId="31" fillId="0" borderId="47" xfId="0" applyFont="1" applyBorder="1" applyAlignment="1">
      <alignment horizontal="center" vertical="center"/>
    </xf>
    <xf numFmtId="0" fontId="31" fillId="0" borderId="41" xfId="0" applyFont="1" applyBorder="1" applyAlignment="1">
      <alignment horizontal="center" vertical="center"/>
    </xf>
    <xf numFmtId="0" fontId="31" fillId="0" borderId="48" xfId="0" applyFont="1" applyBorder="1" applyAlignment="1">
      <alignment horizontal="center" vertical="center"/>
    </xf>
    <xf numFmtId="0" fontId="31" fillId="0" borderId="49" xfId="0" applyFont="1" applyBorder="1" applyAlignment="1">
      <alignment horizontal="center" vertical="center"/>
    </xf>
    <xf numFmtId="0" fontId="31" fillId="0" borderId="50" xfId="0" applyFont="1" applyBorder="1" applyAlignment="1">
      <alignment horizontal="center" vertical="center"/>
    </xf>
    <xf numFmtId="0" fontId="31" fillId="0" borderId="13" xfId="0" applyFont="1" applyBorder="1" applyAlignment="1">
      <alignment horizontal="center" vertical="center"/>
    </xf>
    <xf numFmtId="0" fontId="31" fillId="0" borderId="51" xfId="0" applyFont="1" applyBorder="1" applyAlignment="1">
      <alignment horizontal="center" vertical="center"/>
    </xf>
    <xf numFmtId="0" fontId="31" fillId="0" borderId="15" xfId="0" applyFont="1" applyBorder="1" applyAlignment="1">
      <alignment horizontal="center" vertical="center"/>
    </xf>
    <xf numFmtId="0" fontId="31" fillId="0" borderId="16" xfId="0" applyFont="1" applyBorder="1" applyAlignment="1">
      <alignment horizontal="center" vertical="center"/>
    </xf>
    <xf numFmtId="0" fontId="31" fillId="0" borderId="19" xfId="0" applyFont="1" applyBorder="1" applyAlignment="1">
      <alignment horizontal="center" vertical="center"/>
    </xf>
    <xf numFmtId="0" fontId="31" fillId="0" borderId="21" xfId="0" applyFont="1" applyBorder="1" applyAlignment="1">
      <alignment horizontal="center" vertical="center"/>
    </xf>
    <xf numFmtId="0" fontId="31" fillId="0" borderId="19" xfId="0" applyFont="1" applyFill="1" applyBorder="1" applyAlignment="1">
      <alignment horizontal="center" vertical="center"/>
    </xf>
    <xf numFmtId="0" fontId="31" fillId="0" borderId="14" xfId="0" applyFont="1" applyBorder="1" applyAlignment="1">
      <alignment horizontal="center" vertical="center"/>
    </xf>
    <xf numFmtId="49" fontId="12" fillId="0" borderId="25" xfId="0" applyNumberFormat="1" applyFont="1" applyBorder="1" applyAlignment="1">
      <alignment horizontal="left" vertical="top" shrinkToFit="1"/>
    </xf>
    <xf numFmtId="0" fontId="0" fillId="0" borderId="52" xfId="0" applyBorder="1">
      <alignment vertical="center"/>
    </xf>
    <xf numFmtId="0" fontId="1" fillId="0" borderId="26" xfId="0" applyFont="1" applyBorder="1" applyAlignment="1">
      <alignment vertical="top" wrapText="1"/>
    </xf>
    <xf numFmtId="0" fontId="1" fillId="0" borderId="10" xfId="0" applyFont="1" applyBorder="1" applyAlignment="1">
      <alignment vertical="top" wrapText="1"/>
    </xf>
    <xf numFmtId="49" fontId="5" fillId="0" borderId="42" xfId="0" applyNumberFormat="1" applyFont="1" applyBorder="1" applyAlignment="1">
      <alignment horizontal="left" vertical="top" shrinkToFit="1"/>
    </xf>
    <xf numFmtId="0" fontId="28" fillId="0" borderId="0" xfId="0" applyFont="1" applyAlignment="1"/>
    <xf numFmtId="0" fontId="37" fillId="0" borderId="0" xfId="0" applyFont="1" applyAlignment="1"/>
    <xf numFmtId="0" fontId="31" fillId="0" borderId="0" xfId="0" applyFont="1" applyAlignment="1"/>
    <xf numFmtId="0" fontId="22" fillId="0" borderId="0" xfId="0" applyFont="1" applyAlignment="1">
      <alignment horizontal="left"/>
    </xf>
    <xf numFmtId="0" fontId="43" fillId="0" borderId="0" xfId="0" applyFont="1" applyAlignment="1"/>
    <xf numFmtId="0" fontId="31" fillId="0" borderId="0" xfId="0" applyFont="1" applyAlignment="1">
      <alignment horizontal="left" vertical="center" indent="1"/>
    </xf>
    <xf numFmtId="0" fontId="52" fillId="0" borderId="0" xfId="0" applyFont="1" applyAlignment="1">
      <alignment horizontal="left" vertical="center" wrapText="1" indent="5"/>
    </xf>
    <xf numFmtId="49" fontId="5" fillId="0" borderId="25" xfId="0" applyNumberFormat="1" applyFont="1" applyBorder="1" applyAlignment="1">
      <alignment horizontal="left" vertical="top" shrinkToFit="1"/>
    </xf>
    <xf numFmtId="49" fontId="12" fillId="0" borderId="29" xfId="0" applyNumberFormat="1" applyFont="1" applyBorder="1" applyAlignment="1">
      <alignment horizontal="left" vertical="top" shrinkToFit="1"/>
    </xf>
    <xf numFmtId="0" fontId="49" fillId="0" borderId="52" xfId="0" applyFont="1" applyBorder="1" applyAlignment="1">
      <alignment horizontal="justify" vertical="top" wrapText="1"/>
    </xf>
    <xf numFmtId="49" fontId="5" fillId="0" borderId="12" xfId="0" applyNumberFormat="1" applyFont="1" applyBorder="1" applyAlignment="1">
      <alignment horizontal="left" vertical="top" shrinkToFit="1"/>
    </xf>
    <xf numFmtId="0" fontId="51" fillId="0" borderId="12" xfId="0" applyFont="1" applyBorder="1" applyAlignment="1">
      <alignment vertical="top" wrapText="1"/>
    </xf>
    <xf numFmtId="0" fontId="4" fillId="0" borderId="28" xfId="0" applyFont="1" applyBorder="1" applyAlignment="1">
      <alignment horizontal="left" vertical="top" wrapText="1"/>
    </xf>
    <xf numFmtId="0" fontId="51" fillId="0" borderId="15" xfId="0" applyFont="1" applyBorder="1" applyAlignment="1">
      <alignment vertical="top" wrapText="1"/>
    </xf>
    <xf numFmtId="0" fontId="31" fillId="0" borderId="53" xfId="0" applyFont="1" applyBorder="1" applyAlignment="1">
      <alignment horizontal="center" vertical="center"/>
    </xf>
    <xf numFmtId="0" fontId="31" fillId="0" borderId="54" xfId="0" applyFont="1" applyBorder="1" applyAlignment="1">
      <alignment horizontal="center" vertical="center"/>
    </xf>
    <xf numFmtId="0" fontId="31" fillId="0" borderId="55" xfId="0" applyFont="1" applyBorder="1" applyAlignment="1">
      <alignment horizontal="center" vertical="center"/>
    </xf>
    <xf numFmtId="0" fontId="1" fillId="0" borderId="56" xfId="0" applyFont="1" applyBorder="1">
      <alignment vertical="center"/>
    </xf>
    <xf numFmtId="0" fontId="31" fillId="0" borderId="56" xfId="0" applyFont="1" applyBorder="1" applyAlignment="1">
      <alignment horizontal="center" vertical="center"/>
    </xf>
    <xf numFmtId="0" fontId="0" fillId="0" borderId="57" xfId="0" applyBorder="1">
      <alignment vertical="center"/>
    </xf>
    <xf numFmtId="0" fontId="3" fillId="0" borderId="27" xfId="0" applyFont="1" applyBorder="1" applyAlignment="1">
      <alignment horizontal="center" vertical="top" wrapText="1"/>
    </xf>
    <xf numFmtId="49" fontId="12" fillId="0" borderId="9" xfId="0" applyNumberFormat="1" applyFont="1" applyBorder="1" applyAlignment="1">
      <alignment horizontal="left" vertical="top" shrinkToFit="1"/>
    </xf>
    <xf numFmtId="0" fontId="51" fillId="0" borderId="11" xfId="0" applyFont="1" applyBorder="1" applyAlignment="1">
      <alignment horizontal="left" vertical="top" wrapText="1"/>
    </xf>
    <xf numFmtId="0" fontId="31" fillId="0" borderId="58" xfId="0" applyFont="1" applyBorder="1" applyAlignment="1">
      <alignment horizontal="center" vertical="center"/>
    </xf>
    <xf numFmtId="0" fontId="31" fillId="0" borderId="59" xfId="0" applyFont="1" applyBorder="1" applyAlignment="1">
      <alignment horizontal="center" vertical="center"/>
    </xf>
    <xf numFmtId="0" fontId="31" fillId="0" borderId="0" xfId="0" applyFont="1" applyBorder="1" applyAlignment="1">
      <alignment horizontal="center" vertical="center"/>
    </xf>
    <xf numFmtId="0" fontId="1" fillId="0" borderId="60" xfId="0" applyFont="1" applyBorder="1">
      <alignment vertical="center"/>
    </xf>
    <xf numFmtId="0" fontId="31" fillId="0" borderId="60" xfId="0" applyFont="1" applyBorder="1" applyAlignment="1">
      <alignment horizontal="center" vertical="center"/>
    </xf>
    <xf numFmtId="0" fontId="0" fillId="0" borderId="61" xfId="0" applyBorder="1">
      <alignment vertical="center"/>
    </xf>
    <xf numFmtId="0" fontId="37" fillId="0" borderId="0" xfId="0" applyFont="1" applyAlignment="1">
      <alignment horizontal="left" vertical="center"/>
    </xf>
    <xf numFmtId="0" fontId="2" fillId="0" borderId="0" xfId="0" applyFont="1" applyAlignment="1">
      <alignment vertical="center"/>
    </xf>
    <xf numFmtId="0" fontId="2" fillId="0" borderId="0" xfId="0" applyFont="1">
      <alignment vertical="center"/>
    </xf>
    <xf numFmtId="0" fontId="54" fillId="0" borderId="0" xfId="0" applyFont="1">
      <alignment vertical="center"/>
    </xf>
    <xf numFmtId="0" fontId="54" fillId="2" borderId="0" xfId="0" applyFont="1" applyFill="1">
      <alignment vertical="center"/>
    </xf>
    <xf numFmtId="0" fontId="35" fillId="0" borderId="0" xfId="0" applyFont="1" applyAlignment="1">
      <alignment horizontal="center" vertical="center"/>
    </xf>
    <xf numFmtId="0" fontId="36" fillId="0" borderId="0" xfId="0" applyFont="1" applyAlignment="1">
      <alignment horizontal="center" vertical="center"/>
    </xf>
    <xf numFmtId="0" fontId="32" fillId="0" borderId="0" xfId="0" applyFont="1" applyAlignment="1">
      <alignment horizontal="center" vertical="center"/>
    </xf>
    <xf numFmtId="0" fontId="53" fillId="0" borderId="0" xfId="0" applyFont="1" applyAlignment="1">
      <alignment horizontal="left" vertical="center" wrapText="1"/>
    </xf>
    <xf numFmtId="0" fontId="9" fillId="0" borderId="0" xfId="0" applyFont="1" applyAlignment="1">
      <alignment wrapText="1"/>
    </xf>
    <xf numFmtId="0" fontId="1" fillId="0" borderId="63" xfId="0" applyFont="1" applyBorder="1" applyAlignment="1">
      <alignment horizontal="center" vertical="center" wrapText="1"/>
    </xf>
    <xf numFmtId="0" fontId="1" fillId="0" borderId="64" xfId="0" applyFont="1" applyBorder="1" applyAlignment="1">
      <alignment horizontal="center" vertical="center" wrapText="1"/>
    </xf>
    <xf numFmtId="0" fontId="1" fillId="0" borderId="65" xfId="0" applyFont="1" applyFill="1" applyBorder="1" applyAlignment="1">
      <alignment horizontal="center" vertical="center" wrapText="1"/>
    </xf>
    <xf numFmtId="0" fontId="1" fillId="0" borderId="64" xfId="0" applyFont="1" applyFill="1" applyBorder="1" applyAlignment="1">
      <alignment horizontal="center" vertical="center" wrapText="1"/>
    </xf>
    <xf numFmtId="0" fontId="0" fillId="0" borderId="66" xfId="0" applyBorder="1" applyAlignment="1">
      <alignment horizontal="center" vertical="center"/>
    </xf>
    <xf numFmtId="0" fontId="0" fillId="0" borderId="57" xfId="0" applyBorder="1" applyAlignment="1">
      <alignment horizontal="center" vertical="center"/>
    </xf>
    <xf numFmtId="0" fontId="1" fillId="0" borderId="67" xfId="0" applyFont="1" applyBorder="1" applyAlignment="1">
      <alignment horizontal="center" vertical="center" wrapText="1"/>
    </xf>
    <xf numFmtId="0" fontId="1" fillId="0" borderId="27" xfId="0" applyFont="1" applyBorder="1" applyAlignment="1">
      <alignment horizontal="center" vertical="center" wrapText="1"/>
    </xf>
    <xf numFmtId="0" fontId="1" fillId="0" borderId="68" xfId="0" applyFont="1" applyBorder="1" applyAlignment="1">
      <alignment horizontal="center" vertical="center" wrapText="1"/>
    </xf>
    <xf numFmtId="0" fontId="1" fillId="0" borderId="28" xfId="0" applyFont="1" applyBorder="1" applyAlignment="1">
      <alignment horizontal="center" vertical="center" wrapText="1"/>
    </xf>
    <xf numFmtId="0" fontId="1" fillId="0" borderId="69" xfId="0" applyFont="1" applyBorder="1" applyAlignment="1">
      <alignment horizontal="center" vertical="center" wrapText="1"/>
    </xf>
    <xf numFmtId="0" fontId="1" fillId="0" borderId="70" xfId="0" applyFont="1" applyBorder="1" applyAlignment="1">
      <alignment horizontal="center" vertical="center" wrapText="1"/>
    </xf>
    <xf numFmtId="0" fontId="1" fillId="0" borderId="71" xfId="0" applyFont="1" applyBorder="1" applyAlignment="1">
      <alignment horizontal="center" vertical="center" wrapText="1"/>
    </xf>
    <xf numFmtId="0" fontId="1" fillId="0" borderId="72" xfId="0" applyFont="1" applyBorder="1" applyAlignment="1">
      <alignment horizontal="center" vertical="center" wrapText="1"/>
    </xf>
    <xf numFmtId="0" fontId="3" fillId="0" borderId="24" xfId="0" applyFont="1" applyBorder="1" applyAlignment="1">
      <alignment horizontal="center" vertical="top" wrapText="1"/>
    </xf>
    <xf numFmtId="0" fontId="1" fillId="0" borderId="22" xfId="0" applyFont="1" applyBorder="1" applyAlignment="1">
      <alignment horizontal="center" vertical="top" wrapText="1"/>
    </xf>
    <xf numFmtId="0" fontId="4" fillId="0" borderId="25" xfId="0" applyFont="1" applyBorder="1" applyAlignment="1">
      <alignment horizontal="center" vertical="top" wrapText="1"/>
    </xf>
    <xf numFmtId="0" fontId="1" fillId="0" borderId="9" xfId="0" applyFont="1" applyBorder="1" applyAlignment="1">
      <alignment horizontal="center" vertical="top" wrapText="1"/>
    </xf>
    <xf numFmtId="0" fontId="3" fillId="0" borderId="26" xfId="0" applyFont="1" applyBorder="1" applyAlignment="1">
      <alignment horizontal="center" vertical="top" wrapText="1"/>
    </xf>
    <xf numFmtId="0" fontId="3" fillId="0" borderId="62" xfId="0" applyFont="1" applyBorder="1" applyAlignment="1">
      <alignment horizontal="center" vertical="top" wrapText="1"/>
    </xf>
    <xf numFmtId="0" fontId="4" fillId="0" borderId="10" xfId="0" applyFont="1" applyBorder="1" applyAlignment="1">
      <alignment horizontal="left" vertical="top" wrapText="1"/>
    </xf>
    <xf numFmtId="0" fontId="4" fillId="0" borderId="18" xfId="0" applyFont="1" applyBorder="1" applyAlignment="1">
      <alignment horizontal="left" vertical="top" wrapText="1"/>
    </xf>
    <xf numFmtId="0" fontId="10" fillId="0" borderId="18" xfId="0" applyFont="1" applyFill="1" applyBorder="1" applyAlignment="1">
      <alignment horizontal="center" vertical="center" wrapText="1"/>
    </xf>
    <xf numFmtId="0" fontId="10" fillId="0" borderId="18" xfId="0" applyFont="1" applyBorder="1" applyAlignment="1">
      <alignment horizontal="center" vertical="center" wrapText="1"/>
    </xf>
    <xf numFmtId="0" fontId="1" fillId="0" borderId="25" xfId="0" applyFont="1" applyBorder="1" applyAlignment="1">
      <alignment horizontal="center" vertical="center"/>
    </xf>
    <xf numFmtId="0" fontId="1" fillId="0" borderId="9" xfId="0" applyFont="1" applyBorder="1" applyAlignment="1">
      <alignment horizontal="center" vertical="center"/>
    </xf>
    <xf numFmtId="0" fontId="1" fillId="0" borderId="10" xfId="0" applyFont="1" applyBorder="1" applyAlignment="1">
      <alignment horizontal="center" vertical="center"/>
    </xf>
    <xf numFmtId="0" fontId="0" fillId="0" borderId="25" xfId="0" applyBorder="1" applyAlignment="1">
      <alignment horizontal="center" vertical="center"/>
    </xf>
    <xf numFmtId="0" fontId="0" fillId="0" borderId="9" xfId="0" applyBorder="1" applyAlignment="1">
      <alignment horizontal="center" vertical="center"/>
    </xf>
    <xf numFmtId="0" fontId="0" fillId="0" borderId="10" xfId="0" applyBorder="1" applyAlignment="1">
      <alignment horizontal="center" vertical="center"/>
    </xf>
    <xf numFmtId="0" fontId="0" fillId="0" borderId="42" xfId="0" applyBorder="1" applyAlignment="1">
      <alignment horizontal="center" vertical="center"/>
    </xf>
    <xf numFmtId="0" fontId="0" fillId="0" borderId="11" xfId="0" applyBorder="1" applyAlignment="1">
      <alignment horizontal="center" vertical="center"/>
    </xf>
    <xf numFmtId="0" fontId="0" fillId="0" borderId="12" xfId="0" applyBorder="1" applyAlignment="1">
      <alignment horizontal="center" vertical="center"/>
    </xf>
  </cellXfs>
  <cellStyles count="1">
    <cellStyle name="標準" xfId="0" builtinId="0"/>
  </cellStyles>
  <dxfs count="1">
    <dxf>
      <font>
        <condense val="0"/>
        <extend val="0"/>
        <color indexed="10"/>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2</xdr:col>
      <xdr:colOff>243840</xdr:colOff>
      <xdr:row>50</xdr:row>
      <xdr:rowOff>83820</xdr:rowOff>
    </xdr:from>
    <xdr:to>
      <xdr:col>8</xdr:col>
      <xdr:colOff>0</xdr:colOff>
      <xdr:row>50</xdr:row>
      <xdr:rowOff>91440</xdr:rowOff>
    </xdr:to>
    <xdr:sp macro="" textlink="">
      <xdr:nvSpPr>
        <xdr:cNvPr id="1324" name="Line 2"/>
        <xdr:cNvSpPr>
          <a:spLocks noChangeShapeType="1"/>
        </xdr:cNvSpPr>
      </xdr:nvSpPr>
      <xdr:spPr bwMode="auto">
        <a:xfrm>
          <a:off x="1569720" y="9806940"/>
          <a:ext cx="3604260" cy="762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xdr:col>
      <xdr:colOff>449580</xdr:colOff>
      <xdr:row>52</xdr:row>
      <xdr:rowOff>114300</xdr:rowOff>
    </xdr:from>
    <xdr:to>
      <xdr:col>8</xdr:col>
      <xdr:colOff>0</xdr:colOff>
      <xdr:row>52</xdr:row>
      <xdr:rowOff>121920</xdr:rowOff>
    </xdr:to>
    <xdr:sp macro="" textlink="">
      <xdr:nvSpPr>
        <xdr:cNvPr id="1325" name="Line 4"/>
        <xdr:cNvSpPr>
          <a:spLocks noChangeShapeType="1"/>
        </xdr:cNvSpPr>
      </xdr:nvSpPr>
      <xdr:spPr bwMode="auto">
        <a:xfrm>
          <a:off x="3604260" y="10233660"/>
          <a:ext cx="1569720" cy="762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xdr:col>
      <xdr:colOff>449580</xdr:colOff>
      <xdr:row>53</xdr:row>
      <xdr:rowOff>114300</xdr:rowOff>
    </xdr:from>
    <xdr:to>
      <xdr:col>8</xdr:col>
      <xdr:colOff>0</xdr:colOff>
      <xdr:row>53</xdr:row>
      <xdr:rowOff>121920</xdr:rowOff>
    </xdr:to>
    <xdr:sp macro="" textlink="">
      <xdr:nvSpPr>
        <xdr:cNvPr id="1326" name="Line 5"/>
        <xdr:cNvSpPr>
          <a:spLocks noChangeShapeType="1"/>
        </xdr:cNvSpPr>
      </xdr:nvSpPr>
      <xdr:spPr bwMode="auto">
        <a:xfrm>
          <a:off x="3604260" y="10469880"/>
          <a:ext cx="1569720" cy="762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205740</xdr:colOff>
      <xdr:row>54</xdr:row>
      <xdr:rowOff>121920</xdr:rowOff>
    </xdr:from>
    <xdr:to>
      <xdr:col>8</xdr:col>
      <xdr:colOff>0</xdr:colOff>
      <xdr:row>54</xdr:row>
      <xdr:rowOff>137160</xdr:rowOff>
    </xdr:to>
    <xdr:sp macro="" textlink="">
      <xdr:nvSpPr>
        <xdr:cNvPr id="1327" name="Line 6"/>
        <xdr:cNvSpPr>
          <a:spLocks noChangeShapeType="1"/>
        </xdr:cNvSpPr>
      </xdr:nvSpPr>
      <xdr:spPr bwMode="auto">
        <a:xfrm>
          <a:off x="4579620" y="10728960"/>
          <a:ext cx="594360" cy="1524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xdr:col>
      <xdr:colOff>449580</xdr:colOff>
      <xdr:row>55</xdr:row>
      <xdr:rowOff>121920</xdr:rowOff>
    </xdr:from>
    <xdr:to>
      <xdr:col>8</xdr:col>
      <xdr:colOff>0</xdr:colOff>
      <xdr:row>55</xdr:row>
      <xdr:rowOff>137160</xdr:rowOff>
    </xdr:to>
    <xdr:sp macro="" textlink="">
      <xdr:nvSpPr>
        <xdr:cNvPr id="1328" name="Line 7"/>
        <xdr:cNvSpPr>
          <a:spLocks noChangeShapeType="1"/>
        </xdr:cNvSpPr>
      </xdr:nvSpPr>
      <xdr:spPr bwMode="auto">
        <a:xfrm>
          <a:off x="3604260" y="10980420"/>
          <a:ext cx="1569720" cy="1524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205740</xdr:colOff>
      <xdr:row>56</xdr:row>
      <xdr:rowOff>121920</xdr:rowOff>
    </xdr:from>
    <xdr:to>
      <xdr:col>8</xdr:col>
      <xdr:colOff>0</xdr:colOff>
      <xdr:row>56</xdr:row>
      <xdr:rowOff>137160</xdr:rowOff>
    </xdr:to>
    <xdr:sp macro="" textlink="">
      <xdr:nvSpPr>
        <xdr:cNvPr id="1329" name="Line 8"/>
        <xdr:cNvSpPr>
          <a:spLocks noChangeShapeType="1"/>
        </xdr:cNvSpPr>
      </xdr:nvSpPr>
      <xdr:spPr bwMode="auto">
        <a:xfrm>
          <a:off x="4579620" y="11231880"/>
          <a:ext cx="594360" cy="1524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91440</xdr:colOff>
      <xdr:row>155</xdr:row>
      <xdr:rowOff>68580</xdr:rowOff>
    </xdr:from>
    <xdr:to>
      <xdr:col>15</xdr:col>
      <xdr:colOff>381000</xdr:colOff>
      <xdr:row>155</xdr:row>
      <xdr:rowOff>68580</xdr:rowOff>
    </xdr:to>
    <xdr:sp macro="" textlink="">
      <xdr:nvSpPr>
        <xdr:cNvPr id="1330" name="Line 20"/>
        <xdr:cNvSpPr>
          <a:spLocks noChangeShapeType="1"/>
        </xdr:cNvSpPr>
      </xdr:nvSpPr>
      <xdr:spPr bwMode="auto">
        <a:xfrm>
          <a:off x="9243060" y="28384500"/>
          <a:ext cx="289560" cy="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91440</xdr:colOff>
      <xdr:row>143</xdr:row>
      <xdr:rowOff>91440</xdr:rowOff>
    </xdr:from>
    <xdr:to>
      <xdr:col>15</xdr:col>
      <xdr:colOff>381000</xdr:colOff>
      <xdr:row>143</xdr:row>
      <xdr:rowOff>91440</xdr:rowOff>
    </xdr:to>
    <xdr:sp macro="" textlink="">
      <xdr:nvSpPr>
        <xdr:cNvPr id="1331" name="Line 24"/>
        <xdr:cNvSpPr>
          <a:spLocks noChangeShapeType="1"/>
        </xdr:cNvSpPr>
      </xdr:nvSpPr>
      <xdr:spPr bwMode="auto">
        <a:xfrm>
          <a:off x="9243060" y="26395680"/>
          <a:ext cx="289560" cy="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6</xdr:col>
      <xdr:colOff>274320</xdr:colOff>
      <xdr:row>143</xdr:row>
      <xdr:rowOff>91440</xdr:rowOff>
    </xdr:from>
    <xdr:to>
      <xdr:col>16</xdr:col>
      <xdr:colOff>563880</xdr:colOff>
      <xdr:row>143</xdr:row>
      <xdr:rowOff>91440</xdr:rowOff>
    </xdr:to>
    <xdr:sp macro="" textlink="">
      <xdr:nvSpPr>
        <xdr:cNvPr id="1332" name="Line 25"/>
        <xdr:cNvSpPr>
          <a:spLocks noChangeShapeType="1"/>
        </xdr:cNvSpPr>
      </xdr:nvSpPr>
      <xdr:spPr bwMode="auto">
        <a:xfrm>
          <a:off x="10035540" y="26395680"/>
          <a:ext cx="289560" cy="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419100</xdr:colOff>
      <xdr:row>58</xdr:row>
      <xdr:rowOff>106680</xdr:rowOff>
    </xdr:from>
    <xdr:to>
      <xdr:col>8</xdr:col>
      <xdr:colOff>7620</xdr:colOff>
      <xdr:row>58</xdr:row>
      <xdr:rowOff>114300</xdr:rowOff>
    </xdr:to>
    <xdr:sp macro="" textlink="">
      <xdr:nvSpPr>
        <xdr:cNvPr id="1333" name="Line 27"/>
        <xdr:cNvSpPr>
          <a:spLocks noChangeShapeType="1"/>
        </xdr:cNvSpPr>
      </xdr:nvSpPr>
      <xdr:spPr bwMode="auto">
        <a:xfrm>
          <a:off x="4792980" y="11719560"/>
          <a:ext cx="388620" cy="762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10.xml><?xml version="1.0" encoding="utf-8"?>
<xdr:wsDr xmlns:xdr="http://schemas.openxmlformats.org/drawingml/2006/spreadsheetDrawing" xmlns:a="http://schemas.openxmlformats.org/drawingml/2006/main">
  <xdr:twoCellAnchor>
    <xdr:from>
      <xdr:col>9</xdr:col>
      <xdr:colOff>198120</xdr:colOff>
      <xdr:row>2</xdr:row>
      <xdr:rowOff>53340</xdr:rowOff>
    </xdr:from>
    <xdr:to>
      <xdr:col>9</xdr:col>
      <xdr:colOff>1981200</xdr:colOff>
      <xdr:row>3</xdr:row>
      <xdr:rowOff>152400</xdr:rowOff>
    </xdr:to>
    <xdr:grpSp>
      <xdr:nvGrpSpPr>
        <xdr:cNvPr id="22697" name="Group 1"/>
        <xdr:cNvGrpSpPr>
          <a:grpSpLocks/>
        </xdr:cNvGrpSpPr>
      </xdr:nvGrpSpPr>
      <xdr:grpSpPr bwMode="auto">
        <a:xfrm>
          <a:off x="7604760" y="388620"/>
          <a:ext cx="1783080" cy="266700"/>
          <a:chOff x="697" y="35"/>
          <a:chExt cx="208" cy="28"/>
        </a:xfrm>
      </xdr:grpSpPr>
      <xdr:sp macro="" textlink="">
        <xdr:nvSpPr>
          <xdr:cNvPr id="22530" name="Text Box 2"/>
          <xdr:cNvSpPr txBox="1">
            <a:spLocks noChangeArrowheads="1"/>
          </xdr:cNvSpPr>
        </xdr:nvSpPr>
        <xdr:spPr bwMode="auto">
          <a:xfrm>
            <a:off x="697" y="35"/>
            <a:ext cx="207" cy="28"/>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100" b="0" i="0" u="none" strike="noStrike" baseline="0">
                <a:solidFill>
                  <a:srgbClr val="000000"/>
                </a:solidFill>
                <a:latin typeface="ＭＳ Ｐゴシック"/>
                <a:ea typeface="ＭＳ Ｐゴシック"/>
              </a:rPr>
              <a:t>提出年月日：　　　．　　　　．　　　</a:t>
            </a:r>
          </a:p>
        </xdr:txBody>
      </xdr:sp>
      <xdr:sp macro="" textlink="">
        <xdr:nvSpPr>
          <xdr:cNvPr id="22702" name="Line 3"/>
          <xdr:cNvSpPr>
            <a:spLocks noChangeShapeType="1"/>
          </xdr:cNvSpPr>
        </xdr:nvSpPr>
        <xdr:spPr bwMode="auto">
          <a:xfrm>
            <a:off x="697" y="57"/>
            <a:ext cx="208"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twoCellAnchor>
    <xdr:from>
      <xdr:col>0</xdr:col>
      <xdr:colOff>0</xdr:colOff>
      <xdr:row>6</xdr:row>
      <xdr:rowOff>38100</xdr:rowOff>
    </xdr:from>
    <xdr:to>
      <xdr:col>2</xdr:col>
      <xdr:colOff>2118360</xdr:colOff>
      <xdr:row>8</xdr:row>
      <xdr:rowOff>15240</xdr:rowOff>
    </xdr:to>
    <xdr:grpSp>
      <xdr:nvGrpSpPr>
        <xdr:cNvPr id="22698" name="Group 4"/>
        <xdr:cNvGrpSpPr>
          <a:grpSpLocks/>
        </xdr:cNvGrpSpPr>
      </xdr:nvGrpSpPr>
      <xdr:grpSpPr bwMode="auto">
        <a:xfrm>
          <a:off x="0" y="1043940"/>
          <a:ext cx="3695700" cy="312420"/>
          <a:chOff x="2" y="134"/>
          <a:chExt cx="431" cy="34"/>
        </a:xfrm>
      </xdr:grpSpPr>
      <xdr:sp macro="" textlink="">
        <xdr:nvSpPr>
          <xdr:cNvPr id="22533" name="Text Box 5"/>
          <xdr:cNvSpPr txBox="1">
            <a:spLocks noChangeArrowheads="1"/>
          </xdr:cNvSpPr>
        </xdr:nvSpPr>
        <xdr:spPr bwMode="auto">
          <a:xfrm>
            <a:off x="2" y="134"/>
            <a:ext cx="431" cy="34"/>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400" b="0" i="0" u="none" strike="noStrike" baseline="0">
                <a:solidFill>
                  <a:srgbClr val="000000"/>
                </a:solidFill>
                <a:latin typeface="ＭＳ Ｐゴシック"/>
                <a:ea typeface="ＭＳ Ｐゴシック"/>
              </a:rPr>
              <a:t>工事名：</a:t>
            </a:r>
          </a:p>
        </xdr:txBody>
      </xdr:sp>
      <xdr:sp macro="" textlink="">
        <xdr:nvSpPr>
          <xdr:cNvPr id="22700" name="Line 6"/>
          <xdr:cNvSpPr>
            <a:spLocks noChangeShapeType="1"/>
          </xdr:cNvSpPr>
        </xdr:nvSpPr>
        <xdr:spPr bwMode="auto">
          <a:xfrm>
            <a:off x="2" y="157"/>
            <a:ext cx="431"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wsDr>
</file>

<file path=xl/drawings/drawing11.xml><?xml version="1.0" encoding="utf-8"?>
<xdr:wsDr xmlns:xdr="http://schemas.openxmlformats.org/drawingml/2006/spreadsheetDrawing" xmlns:a="http://schemas.openxmlformats.org/drawingml/2006/main">
  <xdr:twoCellAnchor>
    <xdr:from>
      <xdr:col>2</xdr:col>
      <xdr:colOff>243840</xdr:colOff>
      <xdr:row>50</xdr:row>
      <xdr:rowOff>83820</xdr:rowOff>
    </xdr:from>
    <xdr:to>
      <xdr:col>8</xdr:col>
      <xdr:colOff>0</xdr:colOff>
      <xdr:row>50</xdr:row>
      <xdr:rowOff>91440</xdr:rowOff>
    </xdr:to>
    <xdr:sp macro="" textlink="">
      <xdr:nvSpPr>
        <xdr:cNvPr id="23674" name="Line 2"/>
        <xdr:cNvSpPr>
          <a:spLocks noChangeShapeType="1"/>
        </xdr:cNvSpPr>
      </xdr:nvSpPr>
      <xdr:spPr bwMode="auto">
        <a:xfrm>
          <a:off x="1569720" y="9806940"/>
          <a:ext cx="3604260" cy="762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xdr:col>
      <xdr:colOff>449580</xdr:colOff>
      <xdr:row>52</xdr:row>
      <xdr:rowOff>114300</xdr:rowOff>
    </xdr:from>
    <xdr:to>
      <xdr:col>8</xdr:col>
      <xdr:colOff>0</xdr:colOff>
      <xdr:row>52</xdr:row>
      <xdr:rowOff>121920</xdr:rowOff>
    </xdr:to>
    <xdr:sp macro="" textlink="">
      <xdr:nvSpPr>
        <xdr:cNvPr id="23675" name="Line 4"/>
        <xdr:cNvSpPr>
          <a:spLocks noChangeShapeType="1"/>
        </xdr:cNvSpPr>
      </xdr:nvSpPr>
      <xdr:spPr bwMode="auto">
        <a:xfrm>
          <a:off x="3604260" y="10233660"/>
          <a:ext cx="1569720" cy="762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xdr:col>
      <xdr:colOff>449580</xdr:colOff>
      <xdr:row>53</xdr:row>
      <xdr:rowOff>114300</xdr:rowOff>
    </xdr:from>
    <xdr:to>
      <xdr:col>8</xdr:col>
      <xdr:colOff>0</xdr:colOff>
      <xdr:row>53</xdr:row>
      <xdr:rowOff>121920</xdr:rowOff>
    </xdr:to>
    <xdr:sp macro="" textlink="">
      <xdr:nvSpPr>
        <xdr:cNvPr id="23676" name="Line 5"/>
        <xdr:cNvSpPr>
          <a:spLocks noChangeShapeType="1"/>
        </xdr:cNvSpPr>
      </xdr:nvSpPr>
      <xdr:spPr bwMode="auto">
        <a:xfrm>
          <a:off x="3604260" y="10469880"/>
          <a:ext cx="1569720" cy="762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205740</xdr:colOff>
      <xdr:row>54</xdr:row>
      <xdr:rowOff>121920</xdr:rowOff>
    </xdr:from>
    <xdr:to>
      <xdr:col>8</xdr:col>
      <xdr:colOff>0</xdr:colOff>
      <xdr:row>54</xdr:row>
      <xdr:rowOff>137160</xdr:rowOff>
    </xdr:to>
    <xdr:sp macro="" textlink="">
      <xdr:nvSpPr>
        <xdr:cNvPr id="23677" name="Line 6"/>
        <xdr:cNvSpPr>
          <a:spLocks noChangeShapeType="1"/>
        </xdr:cNvSpPr>
      </xdr:nvSpPr>
      <xdr:spPr bwMode="auto">
        <a:xfrm>
          <a:off x="4579620" y="10728960"/>
          <a:ext cx="594360" cy="1524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5</xdr:col>
      <xdr:colOff>449580</xdr:colOff>
      <xdr:row>55</xdr:row>
      <xdr:rowOff>121920</xdr:rowOff>
    </xdr:from>
    <xdr:to>
      <xdr:col>8</xdr:col>
      <xdr:colOff>0</xdr:colOff>
      <xdr:row>55</xdr:row>
      <xdr:rowOff>137160</xdr:rowOff>
    </xdr:to>
    <xdr:sp macro="" textlink="">
      <xdr:nvSpPr>
        <xdr:cNvPr id="23678" name="Line 7"/>
        <xdr:cNvSpPr>
          <a:spLocks noChangeShapeType="1"/>
        </xdr:cNvSpPr>
      </xdr:nvSpPr>
      <xdr:spPr bwMode="auto">
        <a:xfrm>
          <a:off x="3604260" y="10980420"/>
          <a:ext cx="1569720" cy="1524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205740</xdr:colOff>
      <xdr:row>56</xdr:row>
      <xdr:rowOff>121920</xdr:rowOff>
    </xdr:from>
    <xdr:to>
      <xdr:col>8</xdr:col>
      <xdr:colOff>0</xdr:colOff>
      <xdr:row>56</xdr:row>
      <xdr:rowOff>137160</xdr:rowOff>
    </xdr:to>
    <xdr:sp macro="" textlink="">
      <xdr:nvSpPr>
        <xdr:cNvPr id="23679" name="Line 8"/>
        <xdr:cNvSpPr>
          <a:spLocks noChangeShapeType="1"/>
        </xdr:cNvSpPr>
      </xdr:nvSpPr>
      <xdr:spPr bwMode="auto">
        <a:xfrm>
          <a:off x="4579620" y="11231880"/>
          <a:ext cx="594360" cy="1524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91440</xdr:colOff>
      <xdr:row>155</xdr:row>
      <xdr:rowOff>68580</xdr:rowOff>
    </xdr:from>
    <xdr:to>
      <xdr:col>15</xdr:col>
      <xdr:colOff>381000</xdr:colOff>
      <xdr:row>155</xdr:row>
      <xdr:rowOff>68580</xdr:rowOff>
    </xdr:to>
    <xdr:sp macro="" textlink="">
      <xdr:nvSpPr>
        <xdr:cNvPr id="23680" name="Line 20"/>
        <xdr:cNvSpPr>
          <a:spLocks noChangeShapeType="1"/>
        </xdr:cNvSpPr>
      </xdr:nvSpPr>
      <xdr:spPr bwMode="auto">
        <a:xfrm>
          <a:off x="9243060" y="28384500"/>
          <a:ext cx="289560" cy="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5</xdr:col>
      <xdr:colOff>91440</xdr:colOff>
      <xdr:row>143</xdr:row>
      <xdr:rowOff>91440</xdr:rowOff>
    </xdr:from>
    <xdr:to>
      <xdr:col>15</xdr:col>
      <xdr:colOff>381000</xdr:colOff>
      <xdr:row>143</xdr:row>
      <xdr:rowOff>91440</xdr:rowOff>
    </xdr:to>
    <xdr:sp macro="" textlink="">
      <xdr:nvSpPr>
        <xdr:cNvPr id="23681" name="Line 24"/>
        <xdr:cNvSpPr>
          <a:spLocks noChangeShapeType="1"/>
        </xdr:cNvSpPr>
      </xdr:nvSpPr>
      <xdr:spPr bwMode="auto">
        <a:xfrm>
          <a:off x="9243060" y="26395680"/>
          <a:ext cx="289560" cy="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16</xdr:col>
      <xdr:colOff>274320</xdr:colOff>
      <xdr:row>143</xdr:row>
      <xdr:rowOff>91440</xdr:rowOff>
    </xdr:from>
    <xdr:to>
      <xdr:col>16</xdr:col>
      <xdr:colOff>563880</xdr:colOff>
      <xdr:row>143</xdr:row>
      <xdr:rowOff>91440</xdr:rowOff>
    </xdr:to>
    <xdr:sp macro="" textlink="">
      <xdr:nvSpPr>
        <xdr:cNvPr id="23682" name="Line 25"/>
        <xdr:cNvSpPr>
          <a:spLocks noChangeShapeType="1"/>
        </xdr:cNvSpPr>
      </xdr:nvSpPr>
      <xdr:spPr bwMode="auto">
        <a:xfrm>
          <a:off x="10035540" y="26395680"/>
          <a:ext cx="289560" cy="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7</xdr:col>
      <xdr:colOff>419100</xdr:colOff>
      <xdr:row>58</xdr:row>
      <xdr:rowOff>106680</xdr:rowOff>
    </xdr:from>
    <xdr:to>
      <xdr:col>8</xdr:col>
      <xdr:colOff>7620</xdr:colOff>
      <xdr:row>58</xdr:row>
      <xdr:rowOff>114300</xdr:rowOff>
    </xdr:to>
    <xdr:sp macro="" textlink="">
      <xdr:nvSpPr>
        <xdr:cNvPr id="23683" name="Line 27"/>
        <xdr:cNvSpPr>
          <a:spLocks noChangeShapeType="1"/>
        </xdr:cNvSpPr>
      </xdr:nvSpPr>
      <xdr:spPr bwMode="auto">
        <a:xfrm>
          <a:off x="4792980" y="11719560"/>
          <a:ext cx="388620" cy="7620"/>
        </a:xfrm>
        <a:prstGeom prst="line">
          <a:avLst/>
        </a:prstGeom>
        <a:noFill/>
        <a:ln w="9525" cap="rnd">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xdr:from>
      <xdr:col>2</xdr:col>
      <xdr:colOff>579120</xdr:colOff>
      <xdr:row>3</xdr:row>
      <xdr:rowOff>0</xdr:rowOff>
    </xdr:from>
    <xdr:to>
      <xdr:col>5</xdr:col>
      <xdr:colOff>552498</xdr:colOff>
      <xdr:row>8</xdr:row>
      <xdr:rowOff>66675</xdr:rowOff>
    </xdr:to>
    <xdr:sp macro="" textlink="">
      <xdr:nvSpPr>
        <xdr:cNvPr id="12" name="テキスト ボックス 11"/>
        <xdr:cNvSpPr txBox="1"/>
      </xdr:nvSpPr>
      <xdr:spPr>
        <a:xfrm>
          <a:off x="2114550" y="514350"/>
          <a:ext cx="2038350" cy="923925"/>
        </a:xfrm>
        <a:prstGeom prst="rect">
          <a:avLst/>
        </a:prstGeom>
        <a:solidFill>
          <a:schemeClr val="lt1"/>
        </a:solidFill>
        <a:ln w="63500" cmpd="dbl">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nchorCtr="0"/>
        <a:lstStyle/>
        <a:p>
          <a:pPr algn="ctr"/>
          <a:r>
            <a:rPr kumimoji="1" lang="ja-JP" altLang="en-US" sz="3200"/>
            <a:t>改定</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0</xdr:colOff>
      <xdr:row>1</xdr:row>
      <xdr:rowOff>0</xdr:rowOff>
    </xdr:from>
    <xdr:to>
      <xdr:col>12</xdr:col>
      <xdr:colOff>426720</xdr:colOff>
      <xdr:row>1</xdr:row>
      <xdr:rowOff>0</xdr:rowOff>
    </xdr:to>
    <xdr:sp macro="" textlink="">
      <xdr:nvSpPr>
        <xdr:cNvPr id="17437" name="Line 1"/>
        <xdr:cNvSpPr>
          <a:spLocks noChangeShapeType="1"/>
        </xdr:cNvSpPr>
      </xdr:nvSpPr>
      <xdr:spPr bwMode="auto">
        <a:xfrm flipV="1">
          <a:off x="1554480" y="228600"/>
          <a:ext cx="530352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76200</xdr:colOff>
      <xdr:row>3</xdr:row>
      <xdr:rowOff>15240</xdr:rowOff>
    </xdr:from>
    <xdr:to>
      <xdr:col>9</xdr:col>
      <xdr:colOff>502920</xdr:colOff>
      <xdr:row>3</xdr:row>
      <xdr:rowOff>15240</xdr:rowOff>
    </xdr:to>
    <xdr:sp macro="" textlink="">
      <xdr:nvSpPr>
        <xdr:cNvPr id="3607" name="Line 3"/>
        <xdr:cNvSpPr>
          <a:spLocks noChangeShapeType="1"/>
        </xdr:cNvSpPr>
      </xdr:nvSpPr>
      <xdr:spPr bwMode="auto">
        <a:xfrm flipV="1">
          <a:off x="76200" y="617220"/>
          <a:ext cx="534924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116205</xdr:colOff>
      <xdr:row>81</xdr:row>
      <xdr:rowOff>38100</xdr:rowOff>
    </xdr:from>
    <xdr:to>
      <xdr:col>10</xdr:col>
      <xdr:colOff>381007</xdr:colOff>
      <xdr:row>110</xdr:row>
      <xdr:rowOff>38100</xdr:rowOff>
    </xdr:to>
    <xdr:sp macro="" textlink="">
      <xdr:nvSpPr>
        <xdr:cNvPr id="3093" name="Rectangle 21"/>
        <xdr:cNvSpPr>
          <a:spLocks noChangeArrowheads="1"/>
        </xdr:cNvSpPr>
      </xdr:nvSpPr>
      <xdr:spPr bwMode="auto">
        <a:xfrm>
          <a:off x="123825" y="18830925"/>
          <a:ext cx="6657975" cy="7181850"/>
        </a:xfrm>
        <a:prstGeom prst="rect">
          <a:avLst/>
        </a:prstGeom>
        <a:solidFill>
          <a:srgbClr xmlns:mc="http://schemas.openxmlformats.org/markup-compatibility/2006" xmlns:a14="http://schemas.microsoft.com/office/drawing/2010/main" val="FFFFFF" mc:Ignorable="a14" a14:legacySpreadsheetColorIndex="65"/>
        </a:solidFill>
        <a:ln w="12700"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0000" tIns="180000" rIns="36000" bIns="180000" anchor="t" upright="1"/>
        <a:lstStyle/>
        <a:p>
          <a:pPr algn="l" rtl="0">
            <a:lnSpc>
              <a:spcPts val="1300"/>
            </a:lnSpc>
            <a:defRPr sz="1000"/>
          </a:pPr>
          <a:r>
            <a:rPr lang="ja-JP" altLang="en-US" sz="1100" b="0" i="0" u="none" strike="noStrike" baseline="0">
              <a:solidFill>
                <a:srgbClr val="000000"/>
              </a:solidFill>
              <a:latin typeface="ＭＳ Ｐゴシック"/>
              <a:ea typeface="ＭＳ Ｐゴシック"/>
            </a:rPr>
            <a:t>　　　</a:t>
          </a:r>
          <a:r>
            <a:rPr lang="ja-JP" altLang="en-US" sz="1200" b="0" i="0" u="none" strike="noStrike" baseline="0">
              <a:solidFill>
                <a:srgbClr val="000000"/>
              </a:solidFill>
              <a:latin typeface="ＭＳ Ｐゴシック"/>
              <a:ea typeface="ＭＳ Ｐゴシック"/>
            </a:rPr>
            <a:t>に該当するもの</a:t>
          </a:r>
          <a:endParaRPr lang="ja-JP" altLang="en-US" sz="1100" b="0" i="0" u="none" strike="noStrike" baseline="0">
            <a:solidFill>
              <a:srgbClr val="000000"/>
            </a:solidFill>
            <a:latin typeface="ＭＳ Ｐゴシック"/>
            <a:ea typeface="ＭＳ Ｐゴシック"/>
          </a:endParaRPr>
        </a:p>
        <a:p>
          <a:pPr algn="l" rtl="0">
            <a:lnSpc>
              <a:spcPts val="1100"/>
            </a:lnSpc>
            <a:defRPr sz="1000"/>
          </a:pPr>
          <a:endParaRPr lang="ja-JP" altLang="en-US" sz="1100" b="0" i="0" u="none" strike="noStrike" baseline="0">
            <a:solidFill>
              <a:srgbClr val="000000"/>
            </a:solidFill>
            <a:latin typeface="ＭＳ Ｐゴシック"/>
            <a:ea typeface="ＭＳ Ｐゴシック"/>
          </a:endParaRPr>
        </a:p>
        <a:p>
          <a:pPr algn="l" rtl="0">
            <a:lnSpc>
              <a:spcPts val="1100"/>
            </a:lnSpc>
            <a:defRPr sz="1000"/>
          </a:pPr>
          <a:r>
            <a:rPr lang="ja-JP" altLang="en-US" sz="1100" b="0" i="0" u="none" strike="noStrike" baseline="0">
              <a:solidFill>
                <a:srgbClr val="000000"/>
              </a:solidFill>
              <a:latin typeface="ＭＳ 明朝"/>
              <a:ea typeface="ＭＳ 明朝"/>
            </a:rPr>
            <a:t>①　「設計要領」や「各種示方書」等に記載されている対比設計。</a:t>
          </a:r>
        </a:p>
        <a:p>
          <a:pPr algn="l" rtl="0">
            <a:lnSpc>
              <a:spcPts val="1100"/>
            </a:lnSpc>
            <a:defRPr sz="1000"/>
          </a:pPr>
          <a:r>
            <a:rPr lang="ja-JP" altLang="en-US" sz="1100" b="0" i="0" u="none" strike="noStrike" baseline="0">
              <a:solidFill>
                <a:srgbClr val="000000"/>
              </a:solidFill>
              <a:latin typeface="ＭＳ 明朝"/>
              <a:ea typeface="ＭＳ 明朝"/>
            </a:rPr>
            <a:t>②　構造物の応力計算書の計算入力条件の確認や構造物の応力計算を伴う照査。</a:t>
          </a:r>
        </a:p>
        <a:p>
          <a:pPr algn="l" rtl="0">
            <a:lnSpc>
              <a:spcPts val="1100"/>
            </a:lnSpc>
            <a:defRPr sz="1000"/>
          </a:pPr>
          <a:r>
            <a:rPr lang="ja-JP" altLang="en-US" sz="1100" b="0" i="0" u="none" strike="noStrike" baseline="0">
              <a:solidFill>
                <a:srgbClr val="000000"/>
              </a:solidFill>
              <a:latin typeface="ＭＳ 明朝"/>
              <a:ea typeface="ＭＳ 明朝"/>
            </a:rPr>
            <a:t>③　発注後に構造物などの設計根拠の見直しやその工事費の算出。</a:t>
          </a:r>
          <a:endParaRPr lang="ja-JP" altLang="en-US" sz="1100" b="0" i="0" u="none" strike="noStrike" baseline="0">
            <a:solidFill>
              <a:srgbClr val="000000"/>
            </a:solidFill>
            <a:latin typeface="ＭＳ Ｐゴシック"/>
            <a:ea typeface="ＭＳ Ｐゴシック"/>
          </a:endParaRPr>
        </a:p>
        <a:p>
          <a:pPr algn="l" rtl="0">
            <a:lnSpc>
              <a:spcPts val="1100"/>
            </a:lnSpc>
            <a:defRPr sz="1000"/>
          </a:pPr>
          <a:endParaRPr lang="ja-JP" altLang="en-US" sz="1100" b="0" i="0" u="none" strike="noStrike" baseline="0">
            <a:solidFill>
              <a:srgbClr val="000000"/>
            </a:solidFill>
            <a:latin typeface="ＭＳ Ｐゴシック"/>
            <a:ea typeface="ＭＳ Ｐゴシック"/>
          </a:endParaRPr>
        </a:p>
        <a:p>
          <a:pPr algn="l" rtl="0">
            <a:lnSpc>
              <a:spcPts val="1200"/>
            </a:lnSpc>
            <a:defRPr sz="1000"/>
          </a:pPr>
          <a:endParaRPr lang="ja-JP" altLang="en-US" sz="1100" b="0" i="0" u="none" strike="noStrike" baseline="0">
            <a:solidFill>
              <a:srgbClr val="000000"/>
            </a:solidFill>
            <a:latin typeface="ＭＳ Ｐゴシック"/>
            <a:ea typeface="ＭＳ Ｐゴシック"/>
          </a:endParaRPr>
        </a:p>
        <a:p>
          <a:pPr algn="l" rtl="0">
            <a:lnSpc>
              <a:spcPts val="1300"/>
            </a:lnSpc>
            <a:defRPr sz="1000"/>
          </a:pPr>
          <a:r>
            <a:rPr lang="ja-JP" altLang="en-US" sz="1100" b="0" i="0" u="none" strike="noStrike" baseline="0">
              <a:solidFill>
                <a:srgbClr val="000000"/>
              </a:solidFill>
              <a:latin typeface="ＭＳ Ｐゴシック"/>
              <a:ea typeface="ＭＳ Ｐゴシック"/>
            </a:rPr>
            <a:t>　　　</a:t>
          </a:r>
          <a:r>
            <a:rPr lang="ja-JP" altLang="en-US" sz="1200" b="0" i="0" u="none" strike="noStrike" baseline="0">
              <a:solidFill>
                <a:srgbClr val="000000"/>
              </a:solidFill>
              <a:latin typeface="ＭＳ Ｐゴシック"/>
              <a:ea typeface="ＭＳ Ｐゴシック"/>
            </a:rPr>
            <a:t>に該当するもの</a:t>
          </a:r>
          <a:endParaRPr lang="ja-JP" altLang="en-US" sz="1100" b="0" i="0" u="none" strike="noStrike" baseline="0">
            <a:solidFill>
              <a:srgbClr val="000000"/>
            </a:solidFill>
            <a:latin typeface="ＭＳ Ｐゴシック"/>
            <a:ea typeface="ＭＳ Ｐゴシック"/>
          </a:endParaRPr>
        </a:p>
        <a:p>
          <a:pPr algn="l" rtl="0">
            <a:lnSpc>
              <a:spcPts val="1200"/>
            </a:lnSpc>
            <a:defRPr sz="1000"/>
          </a:pPr>
          <a:endParaRPr lang="ja-JP" altLang="en-US" sz="1100" b="0" i="0" u="none" strike="noStrike" baseline="0">
            <a:solidFill>
              <a:srgbClr val="000000"/>
            </a:solidFill>
            <a:latin typeface="ＭＳ Ｐゴシック"/>
            <a:ea typeface="ＭＳ Ｐゴシック"/>
          </a:endParaRPr>
        </a:p>
        <a:p>
          <a:pPr algn="l" rtl="0">
            <a:lnSpc>
              <a:spcPts val="1100"/>
            </a:lnSpc>
            <a:defRPr sz="1000"/>
          </a:pPr>
          <a:r>
            <a:rPr lang="ja-JP" altLang="en-US" sz="1100" b="0" i="0" u="none" strike="noStrike" baseline="0">
              <a:solidFill>
                <a:srgbClr val="000000"/>
              </a:solidFill>
              <a:latin typeface="ＭＳ 明朝"/>
              <a:ea typeface="ＭＳ 明朝"/>
            </a:rPr>
            <a:t>④　現地測量の結果、横断図を新たに作成する必要があるもの。又は縦断計画の見直しを伴</a:t>
          </a:r>
        </a:p>
        <a:p>
          <a:pPr algn="l" rtl="0">
            <a:lnSpc>
              <a:spcPts val="1200"/>
            </a:lnSpc>
            <a:defRPr sz="1000"/>
          </a:pPr>
          <a:r>
            <a:rPr lang="ja-JP" altLang="en-US" sz="1100" b="0" i="0" u="none" strike="noStrike" baseline="0">
              <a:solidFill>
                <a:srgbClr val="000000"/>
              </a:solidFill>
              <a:latin typeface="ＭＳ 明朝"/>
              <a:ea typeface="ＭＳ 明朝"/>
            </a:rPr>
            <a:t>　う横断図の再作成が必要となるもの。</a:t>
          </a:r>
        </a:p>
        <a:p>
          <a:pPr algn="l" rtl="0">
            <a:lnSpc>
              <a:spcPts val="1200"/>
            </a:lnSpc>
            <a:defRPr sz="1000"/>
          </a:pPr>
          <a:r>
            <a:rPr lang="ja-JP" altLang="en-US" sz="1100" b="0" i="0" u="none" strike="noStrike" baseline="0">
              <a:solidFill>
                <a:srgbClr val="000000"/>
              </a:solidFill>
              <a:latin typeface="ＭＳ 明朝"/>
              <a:ea typeface="ＭＳ 明朝"/>
            </a:rPr>
            <a:t>⑤　施工の段階で判明した推定岩盤線の変更に伴う横断図の再作成が必要となるもの。ただ</a:t>
          </a:r>
        </a:p>
        <a:p>
          <a:pPr algn="l" rtl="0">
            <a:lnSpc>
              <a:spcPts val="1100"/>
            </a:lnSpc>
            <a:defRPr sz="1000"/>
          </a:pPr>
          <a:r>
            <a:rPr lang="ja-JP" altLang="en-US" sz="1100" b="0" i="0" u="none" strike="noStrike" baseline="0">
              <a:solidFill>
                <a:srgbClr val="000000"/>
              </a:solidFill>
              <a:latin typeface="ＭＳ 明朝"/>
              <a:ea typeface="ＭＳ 明朝"/>
            </a:rPr>
            <a:t>　し、当初横断図の推定岩盤線の変更は「設計図書の照査」に含まれる。</a:t>
          </a:r>
        </a:p>
        <a:p>
          <a:pPr algn="l" rtl="0">
            <a:lnSpc>
              <a:spcPts val="1100"/>
            </a:lnSpc>
            <a:defRPr sz="1000"/>
          </a:pPr>
          <a:r>
            <a:rPr lang="ja-JP" altLang="en-US" sz="1100" b="0" i="0" u="none" strike="noStrike" baseline="0">
              <a:solidFill>
                <a:srgbClr val="000000"/>
              </a:solidFill>
              <a:latin typeface="ＭＳ 明朝"/>
              <a:ea typeface="ＭＳ 明朝"/>
            </a:rPr>
            <a:t>⑥　現地測量の結果、排水路計画を新たに作成する必要があるもの。又は土工の縦横断計画</a:t>
          </a:r>
        </a:p>
        <a:p>
          <a:pPr algn="l" rtl="0">
            <a:lnSpc>
              <a:spcPts val="1200"/>
            </a:lnSpc>
            <a:defRPr sz="1000"/>
          </a:pPr>
          <a:r>
            <a:rPr lang="ja-JP" altLang="en-US" sz="1100" b="0" i="0" u="none" strike="noStrike" baseline="0">
              <a:solidFill>
                <a:srgbClr val="000000"/>
              </a:solidFill>
              <a:latin typeface="ＭＳ 明朝"/>
              <a:ea typeface="ＭＳ 明朝"/>
            </a:rPr>
            <a:t>　の見直しが必要となるもの。</a:t>
          </a:r>
        </a:p>
        <a:p>
          <a:pPr algn="l" rtl="0">
            <a:lnSpc>
              <a:spcPts val="1200"/>
            </a:lnSpc>
            <a:defRPr sz="1000"/>
          </a:pPr>
          <a:r>
            <a:rPr lang="ja-JP" altLang="en-US" sz="1100" b="0" i="0" u="none" strike="noStrike" baseline="0">
              <a:solidFill>
                <a:srgbClr val="000000"/>
              </a:solidFill>
              <a:latin typeface="ＭＳ 明朝"/>
              <a:ea typeface="ＭＳ 明朝"/>
            </a:rPr>
            <a:t>⑦　構造物の位置や計画高さ、延長が変更となり構造計算の再計算が必要となるもの。</a:t>
          </a:r>
        </a:p>
        <a:p>
          <a:pPr algn="l" rtl="0">
            <a:lnSpc>
              <a:spcPts val="1100"/>
            </a:lnSpc>
            <a:defRPr sz="1000"/>
          </a:pPr>
          <a:r>
            <a:rPr lang="ja-JP" altLang="en-US" sz="1100" b="0" i="0" u="none" strike="noStrike" baseline="0">
              <a:solidFill>
                <a:srgbClr val="000000"/>
              </a:solidFill>
              <a:latin typeface="ＭＳ 明朝"/>
              <a:ea typeface="ＭＳ 明朝"/>
            </a:rPr>
            <a:t>⑧　構造物の載荷高さが変更となり構造計算の再計算が必要となるもの。</a:t>
          </a:r>
        </a:p>
        <a:p>
          <a:pPr algn="l" rtl="0">
            <a:lnSpc>
              <a:spcPts val="1200"/>
            </a:lnSpc>
            <a:defRPr sz="1000"/>
          </a:pPr>
          <a:r>
            <a:rPr lang="ja-JP" altLang="en-US" sz="1100" b="0" i="0" u="none" strike="noStrike" baseline="0">
              <a:solidFill>
                <a:srgbClr val="000000"/>
              </a:solidFill>
              <a:latin typeface="ＭＳ 明朝"/>
              <a:ea typeface="ＭＳ 明朝"/>
            </a:rPr>
            <a:t>⑨　構造物の構造計算書の計算結果が設計図と違う場合の構造計算の再計算及び図面作成が</a:t>
          </a:r>
        </a:p>
        <a:p>
          <a:pPr algn="l" rtl="0">
            <a:lnSpc>
              <a:spcPts val="1100"/>
            </a:lnSpc>
            <a:defRPr sz="1000"/>
          </a:pPr>
          <a:r>
            <a:rPr lang="ja-JP" altLang="en-US" sz="1100" b="0" i="0" u="none" strike="noStrike" baseline="0">
              <a:solidFill>
                <a:srgbClr val="000000"/>
              </a:solidFill>
              <a:latin typeface="ＭＳ 明朝"/>
              <a:ea typeface="ＭＳ 明朝"/>
            </a:rPr>
            <a:t>　必要となるもの。</a:t>
          </a:r>
        </a:p>
        <a:p>
          <a:pPr algn="l" rtl="0">
            <a:lnSpc>
              <a:spcPts val="1100"/>
            </a:lnSpc>
            <a:defRPr sz="1000"/>
          </a:pPr>
          <a:r>
            <a:rPr lang="ja-JP" altLang="en-US" sz="1100" b="0" i="0" u="none" strike="noStrike" baseline="0">
              <a:solidFill>
                <a:srgbClr val="000000"/>
              </a:solidFill>
              <a:latin typeface="ＭＳ 明朝"/>
              <a:ea typeface="ＭＳ 明朝"/>
            </a:rPr>
            <a:t>⑩　基礎杭が試験杭等により変更となる場合の構造計算及び図面作成。</a:t>
          </a:r>
        </a:p>
        <a:p>
          <a:pPr algn="l" rtl="0">
            <a:lnSpc>
              <a:spcPts val="1300"/>
            </a:lnSpc>
            <a:defRPr sz="1000"/>
          </a:pPr>
          <a:r>
            <a:rPr lang="ja-JP" altLang="en-US" sz="1100" b="0" i="0" u="none" strike="noStrike" baseline="0">
              <a:solidFill>
                <a:srgbClr val="000000"/>
              </a:solidFill>
              <a:latin typeface="ＭＳ 明朝"/>
              <a:ea typeface="ＭＳ 明朝"/>
            </a:rPr>
            <a:t>⑪　土留め等の構造計算において現地条件や施工条件が異なる場合の構造計算及び図面作成。</a:t>
          </a:r>
        </a:p>
        <a:p>
          <a:pPr algn="l" rtl="0">
            <a:lnSpc>
              <a:spcPts val="1100"/>
            </a:lnSpc>
            <a:defRPr sz="1000"/>
          </a:pPr>
          <a:r>
            <a:rPr lang="ja-JP" altLang="en-US" sz="1100" b="0" i="0" u="none" strike="noStrike" baseline="0">
              <a:solidFill>
                <a:srgbClr val="000000"/>
              </a:solidFill>
              <a:latin typeface="ＭＳ 明朝"/>
              <a:ea typeface="ＭＳ 明朝"/>
            </a:rPr>
            <a:t>⑫　舗装修繕工事の縦横断設計で当初の設計図書において縦横断面図が示されており、その</a:t>
          </a:r>
        </a:p>
        <a:p>
          <a:pPr algn="l" rtl="0">
            <a:lnSpc>
              <a:spcPts val="1300"/>
            </a:lnSpc>
            <a:defRPr sz="1000"/>
          </a:pPr>
          <a:r>
            <a:rPr lang="ja-JP" altLang="en-US" sz="1100" b="0" i="0" u="none" strike="noStrike" baseline="0">
              <a:solidFill>
                <a:srgbClr val="000000"/>
              </a:solidFill>
              <a:latin typeface="ＭＳ 明朝"/>
              <a:ea typeface="ＭＳ 明朝"/>
            </a:rPr>
            <a:t>　修正を行う場合。（なお、設計図書で縦横断図が示されておらず、土木工事共通仕様書　</a:t>
          </a:r>
        </a:p>
        <a:p>
          <a:pPr algn="l" rtl="0">
            <a:lnSpc>
              <a:spcPts val="1200"/>
            </a:lnSpc>
            <a:defRPr sz="1000"/>
          </a:pPr>
          <a:r>
            <a:rPr lang="ja-JP" altLang="en-US" sz="1100" b="0" i="0" u="none" strike="noStrike" baseline="0">
              <a:solidFill>
                <a:srgbClr val="000000"/>
              </a:solidFill>
              <a:latin typeface="ＭＳ 明朝"/>
              <a:ea typeface="ＭＳ 明朝"/>
            </a:rPr>
            <a:t>　「14-3-3路面切削工」「14-3-5切削オーバーレイ工」「14-3-6オーバーレイ工」等に該当</a:t>
          </a:r>
        </a:p>
        <a:p>
          <a:pPr algn="l" rtl="0">
            <a:lnSpc>
              <a:spcPts val="1100"/>
            </a:lnSpc>
            <a:defRPr sz="1000"/>
          </a:pPr>
          <a:r>
            <a:rPr lang="ja-JP" altLang="en-US" sz="1100" b="0" i="0" u="none" strike="noStrike" baseline="0">
              <a:solidFill>
                <a:srgbClr val="000000"/>
              </a:solidFill>
              <a:latin typeface="ＭＳ 明朝"/>
              <a:ea typeface="ＭＳ 明朝"/>
            </a:rPr>
            <a:t>　し縦横断設計を行うものは設計照査に含まれる。）</a:t>
          </a:r>
        </a:p>
        <a:p>
          <a:pPr algn="l" rtl="0">
            <a:lnSpc>
              <a:spcPts val="1300"/>
            </a:lnSpc>
            <a:defRPr sz="1000"/>
          </a:pPr>
          <a:r>
            <a:rPr lang="ja-JP" altLang="en-US" sz="1100" b="0" i="0" u="none" strike="noStrike" baseline="0">
              <a:solidFill>
                <a:srgbClr val="000000"/>
              </a:solidFill>
              <a:latin typeface="ＭＳ 明朝"/>
              <a:ea typeface="ＭＳ 明朝"/>
            </a:rPr>
            <a:t>⑬　新たな工種追加や設計変更による構造計算及び図面作成。</a:t>
          </a:r>
        </a:p>
        <a:p>
          <a:pPr algn="l" rtl="0">
            <a:lnSpc>
              <a:spcPts val="1100"/>
            </a:lnSpc>
            <a:defRPr sz="1000"/>
          </a:pPr>
          <a:r>
            <a:rPr lang="ja-JP" altLang="en-US" sz="1100" b="0" i="0" u="none" strike="noStrike" baseline="0">
              <a:solidFill>
                <a:srgbClr val="000000"/>
              </a:solidFill>
              <a:latin typeface="ＭＳ 明朝"/>
              <a:ea typeface="ＭＳ 明朝"/>
            </a:rPr>
            <a:t>⑭　概略発注工事における構造計算及び図面作成。</a:t>
          </a:r>
        </a:p>
        <a:p>
          <a:pPr algn="l" rtl="0">
            <a:lnSpc>
              <a:spcPts val="1300"/>
            </a:lnSpc>
            <a:defRPr sz="1000"/>
          </a:pPr>
          <a:r>
            <a:rPr lang="ja-JP" altLang="en-US" sz="1100" b="0" i="0" u="none" strike="noStrike" baseline="0">
              <a:solidFill>
                <a:srgbClr val="000000"/>
              </a:solidFill>
              <a:latin typeface="ＭＳ 明朝"/>
              <a:ea typeface="ＭＳ 明朝"/>
            </a:rPr>
            <a:t>⑮　要領等の変更にともなう構造計算及び図面作成。</a:t>
          </a:r>
        </a:p>
        <a:p>
          <a:pPr algn="l" rtl="0">
            <a:lnSpc>
              <a:spcPts val="1100"/>
            </a:lnSpc>
            <a:defRPr sz="1000"/>
          </a:pPr>
          <a:r>
            <a:rPr lang="ja-JP" altLang="en-US" sz="1100" b="0" i="0" u="none" strike="noStrike" baseline="0">
              <a:solidFill>
                <a:srgbClr val="000000"/>
              </a:solidFill>
              <a:latin typeface="ＭＳ 明朝"/>
              <a:ea typeface="ＭＳ 明朝"/>
            </a:rPr>
            <a:t>⑯　照査の結果必要となった追加調査の実施。</a:t>
          </a:r>
        </a:p>
        <a:p>
          <a:pPr algn="l" rtl="0">
            <a:lnSpc>
              <a:spcPts val="1100"/>
            </a:lnSpc>
            <a:defRPr sz="1000"/>
          </a:pPr>
          <a:r>
            <a:rPr lang="ja-JP" altLang="en-US" sz="1100" b="0" i="0" u="none" strike="noStrike" baseline="0">
              <a:solidFill>
                <a:srgbClr val="000000"/>
              </a:solidFill>
              <a:latin typeface="ＭＳ 明朝"/>
              <a:ea typeface="ＭＳ 明朝"/>
            </a:rPr>
            <a:t>　　＜例＞・ボーリング調査</a:t>
          </a:r>
        </a:p>
        <a:p>
          <a:pPr algn="l" rtl="0">
            <a:lnSpc>
              <a:spcPts val="1300"/>
            </a:lnSpc>
            <a:defRPr sz="1000"/>
          </a:pPr>
          <a:r>
            <a:rPr lang="ja-JP" altLang="en-US" sz="1100" b="0" i="0" u="none" strike="noStrike" baseline="0">
              <a:solidFill>
                <a:srgbClr val="000000"/>
              </a:solidFill>
              <a:latin typeface="ＭＳ 明朝"/>
              <a:ea typeface="ＭＳ 明朝"/>
            </a:rPr>
            <a:t>　　　　　・杭打・大型重機による施工を行う際の近隣の家屋調査</a:t>
          </a:r>
        </a:p>
        <a:p>
          <a:pPr algn="l" rtl="0">
            <a:lnSpc>
              <a:spcPts val="1200"/>
            </a:lnSpc>
            <a:defRPr sz="1000"/>
          </a:pPr>
          <a:r>
            <a:rPr lang="ja-JP" altLang="en-US" sz="1100" b="0" i="0" u="none" strike="noStrike" baseline="0">
              <a:solidFill>
                <a:srgbClr val="000000"/>
              </a:solidFill>
              <a:latin typeface="ＭＳ 明朝"/>
              <a:ea typeface="ＭＳ 明朝"/>
            </a:rPr>
            <a:t>　　　　　・トンネル漏水補修工（裏込め注入工）の施工に際し、周辺地域への影響調査</a:t>
          </a:r>
        </a:p>
        <a:p>
          <a:pPr algn="l" rtl="0">
            <a:lnSpc>
              <a:spcPts val="1100"/>
            </a:lnSpc>
            <a:defRPr sz="1000"/>
          </a:pPr>
          <a:r>
            <a:rPr lang="ja-JP" altLang="en-US" sz="1100" b="0" i="0" u="none" strike="noStrike" baseline="0">
              <a:solidFill>
                <a:srgbClr val="000000"/>
              </a:solidFill>
              <a:latin typeface="ＭＳ 明朝"/>
              <a:ea typeface="ＭＳ 明朝"/>
            </a:rPr>
            <a:t>　　　　　・路床安定処理工における散布及び混合を行う際の粉塵対策</a:t>
          </a:r>
        </a:p>
        <a:p>
          <a:pPr algn="l" rtl="0">
            <a:lnSpc>
              <a:spcPts val="1300"/>
            </a:lnSpc>
            <a:defRPr sz="1000"/>
          </a:pPr>
          <a:r>
            <a:rPr lang="ja-JP" altLang="en-US" sz="1100" b="0" i="0" u="none" strike="noStrike" baseline="0">
              <a:solidFill>
                <a:srgbClr val="000000"/>
              </a:solidFill>
              <a:latin typeface="ＭＳ 明朝"/>
              <a:ea typeface="ＭＳ 明朝"/>
            </a:rPr>
            <a:t>　　　　　・移設不可能な埋設物対策</a:t>
          </a:r>
        </a:p>
        <a:p>
          <a:pPr algn="l" rtl="0">
            <a:lnSpc>
              <a:spcPts val="1100"/>
            </a:lnSpc>
            <a:defRPr sz="1000"/>
          </a:pPr>
          <a:r>
            <a:rPr lang="ja-JP" altLang="en-US" sz="1100" b="0" i="0" u="none" strike="noStrike" baseline="0">
              <a:solidFill>
                <a:srgbClr val="000000"/>
              </a:solidFill>
              <a:latin typeface="ＭＳ 明朝"/>
              <a:ea typeface="ＭＳ 明朝"/>
            </a:rPr>
            <a:t>⑰　指定仮設構造物の代替案の比較設計資料と変更図、数量計算書の作成。</a:t>
          </a:r>
        </a:p>
        <a:p>
          <a:pPr algn="l" rtl="0">
            <a:lnSpc>
              <a:spcPts val="1300"/>
            </a:lnSpc>
            <a:defRPr sz="1000"/>
          </a:pPr>
          <a:r>
            <a:rPr lang="ja-JP" altLang="en-US" sz="1100" b="0" i="0" u="none" strike="noStrike" baseline="0">
              <a:solidFill>
                <a:srgbClr val="000000"/>
              </a:solidFill>
              <a:latin typeface="ＭＳ 明朝"/>
              <a:ea typeface="ＭＳ 明朝"/>
            </a:rPr>
            <a:t>    </a:t>
          </a:r>
        </a:p>
        <a:p>
          <a:pPr algn="l" rtl="0">
            <a:lnSpc>
              <a:spcPts val="1100"/>
            </a:lnSpc>
            <a:defRPr sz="1000"/>
          </a:pPr>
          <a:r>
            <a:rPr lang="ja-JP" altLang="en-US" sz="1100" b="0" i="0" u="none" strike="noStrike" baseline="0">
              <a:solidFill>
                <a:srgbClr val="000000"/>
              </a:solidFill>
              <a:latin typeface="ＭＳ 明朝"/>
              <a:ea typeface="ＭＳ 明朝"/>
            </a:rPr>
            <a:t>　注１）適正な設計図書に基づく数量の算出及び完成図については、受注者の費用負担</a:t>
          </a:r>
        </a:p>
        <a:p>
          <a:pPr algn="l" rtl="0">
            <a:lnSpc>
              <a:spcPts val="1200"/>
            </a:lnSpc>
            <a:defRPr sz="1000"/>
          </a:pPr>
          <a:r>
            <a:rPr lang="ja-JP" altLang="en-US" sz="1100" b="0" i="0" u="none" strike="noStrike" baseline="0">
              <a:solidFill>
                <a:srgbClr val="000000"/>
              </a:solidFill>
              <a:latin typeface="ＭＳ 明朝"/>
              <a:ea typeface="ＭＳ 明朝"/>
            </a:rPr>
            <a:t>　　　によるものとする。</a:t>
          </a:r>
        </a:p>
        <a:p>
          <a:pPr algn="l" rtl="0">
            <a:lnSpc>
              <a:spcPts val="1300"/>
            </a:lnSpc>
            <a:defRPr sz="1000"/>
          </a:pPr>
          <a:r>
            <a:rPr lang="ja-JP" altLang="en-US" sz="1100" b="0" i="0" u="none" strike="noStrike" baseline="0">
              <a:solidFill>
                <a:srgbClr val="000000"/>
              </a:solidFill>
              <a:latin typeface="ＭＳ 明朝"/>
              <a:ea typeface="ＭＳ 明朝"/>
            </a:rPr>
            <a:t>　注２）ＶＥ提案の資料作成費用は受注者の負担となる。</a:t>
          </a:r>
          <a:endParaRPr lang="ja-JP" altLang="en-US" sz="1100" b="0" i="0" u="none" strike="noStrike" baseline="0">
            <a:solidFill>
              <a:srgbClr val="000000"/>
            </a:solidFill>
            <a:latin typeface="ＭＳ Ｐゴシック"/>
            <a:ea typeface="ＭＳ Ｐゴシック"/>
          </a:endParaRPr>
        </a:p>
        <a:p>
          <a:pPr algn="l" rtl="0">
            <a:lnSpc>
              <a:spcPts val="1100"/>
            </a:lnSpc>
            <a:defRPr sz="1000"/>
          </a:pPr>
          <a:endParaRPr lang="ja-JP" altLang="en-US" sz="1100" b="0" i="0" u="none" strike="noStrike" baseline="0">
            <a:solidFill>
              <a:srgbClr val="000000"/>
            </a:solidFill>
            <a:latin typeface="ＭＳ Ｐゴシック"/>
            <a:ea typeface="ＭＳ Ｐゴシック"/>
          </a:endParaRPr>
        </a:p>
      </xdr:txBody>
    </xdr:sp>
    <xdr:clientData/>
  </xdr:twoCellAnchor>
  <xdr:oneCellAnchor>
    <xdr:from>
      <xdr:col>1</xdr:col>
      <xdr:colOff>3010</xdr:colOff>
      <xdr:row>81</xdr:row>
      <xdr:rowOff>209550</xdr:rowOff>
    </xdr:from>
    <xdr:ext cx="180469" cy="223203"/>
    <xdr:sp macro="" textlink="">
      <xdr:nvSpPr>
        <xdr:cNvPr id="3115" name="Text Box 43"/>
        <xdr:cNvSpPr txBox="1">
          <a:spLocks noChangeArrowheads="1"/>
        </xdr:cNvSpPr>
      </xdr:nvSpPr>
      <xdr:spPr bwMode="auto">
        <a:xfrm>
          <a:off x="244798" y="19003108"/>
          <a:ext cx="165430" cy="223203"/>
        </a:xfrm>
        <a:prstGeom prst="rect">
          <a:avLst/>
        </a:prstGeom>
        <a:no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txBody>
        <a:bodyPr wrap="none" lIns="27432" tIns="22860" rIns="27432" bIns="0" anchor="t" upright="1">
          <a:spAutoFit/>
        </a:bodyPr>
        <a:lstStyle/>
        <a:p>
          <a:pPr algn="ctr" rtl="0">
            <a:defRPr sz="1000"/>
          </a:pPr>
          <a:r>
            <a:rPr lang="ja-JP" altLang="en-US" sz="1200" b="0" i="0" u="none" strike="noStrike" baseline="0">
              <a:solidFill>
                <a:srgbClr val="000000"/>
              </a:solidFill>
              <a:latin typeface="ＭＳ Ｐゴシック"/>
              <a:ea typeface="ＭＳ Ｐゴシック"/>
            </a:rPr>
            <a:t>Ａ</a:t>
          </a:r>
        </a:p>
      </xdr:txBody>
    </xdr:sp>
    <xdr:clientData/>
  </xdr:oneCellAnchor>
  <xdr:oneCellAnchor>
    <xdr:from>
      <xdr:col>1</xdr:col>
      <xdr:colOff>2963</xdr:colOff>
      <xdr:row>86</xdr:row>
      <xdr:rowOff>152400</xdr:rowOff>
    </xdr:from>
    <xdr:ext cx="175048" cy="223203"/>
    <xdr:sp macro="" textlink="">
      <xdr:nvSpPr>
        <xdr:cNvPr id="3116" name="Text Box 44"/>
        <xdr:cNvSpPr txBox="1">
          <a:spLocks noChangeArrowheads="1"/>
        </xdr:cNvSpPr>
      </xdr:nvSpPr>
      <xdr:spPr bwMode="auto">
        <a:xfrm>
          <a:off x="213978" y="20298508"/>
          <a:ext cx="175048" cy="223203"/>
        </a:xfrm>
        <a:prstGeom prst="rect">
          <a:avLst/>
        </a:prstGeom>
        <a:no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txBody>
        <a:bodyPr wrap="none" lIns="27432" tIns="22860" rIns="27432" bIns="0" anchor="t" upright="1">
          <a:spAutoFit/>
        </a:bodyPr>
        <a:lstStyle/>
        <a:p>
          <a:pPr algn="ctr" rtl="0">
            <a:defRPr sz="1000"/>
          </a:pPr>
          <a:r>
            <a:rPr lang="ja-JP" altLang="en-US" sz="1200" b="0" i="0" u="none" strike="noStrike" baseline="0">
              <a:solidFill>
                <a:srgbClr val="000000"/>
              </a:solidFill>
              <a:latin typeface="ＭＳ Ｐゴシック"/>
              <a:ea typeface="ＭＳ Ｐゴシック"/>
            </a:rPr>
            <a:t>Ｂ</a:t>
          </a:r>
        </a:p>
      </xdr:txBody>
    </xdr:sp>
    <xdr:clientData/>
  </xdr:oneCellAnchor>
  <xdr:twoCellAnchor editAs="absolute">
    <xdr:from>
      <xdr:col>5</xdr:col>
      <xdr:colOff>358140</xdr:colOff>
      <xdr:row>69</xdr:row>
      <xdr:rowOff>45720</xdr:rowOff>
    </xdr:from>
    <xdr:to>
      <xdr:col>5</xdr:col>
      <xdr:colOff>601980</xdr:colOff>
      <xdr:row>70</xdr:row>
      <xdr:rowOff>7620</xdr:rowOff>
    </xdr:to>
    <xdr:sp macro="" textlink="">
      <xdr:nvSpPr>
        <xdr:cNvPr id="3611" name="Line 59"/>
        <xdr:cNvSpPr>
          <a:spLocks noChangeShapeType="1"/>
        </xdr:cNvSpPr>
      </xdr:nvSpPr>
      <xdr:spPr bwMode="auto">
        <a:xfrm flipV="1">
          <a:off x="2842260" y="16062960"/>
          <a:ext cx="243840" cy="213360"/>
        </a:xfrm>
        <a:prstGeom prst="line">
          <a:avLst/>
        </a:prstGeom>
        <a:noFill/>
        <a:ln w="38100">
          <a:solidFill>
            <a:srgbClr xmlns:mc="http://schemas.openxmlformats.org/markup-compatibility/2006" xmlns:a14="http://schemas.microsoft.com/office/drawing/2010/main" val="000000" mc:Ignorable="a14" a14:legacySpreadsheetColorIndex="64"/>
          </a:solidFill>
          <a:prstDash val="sysDot"/>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twoCellAnchor editAs="absolute">
    <xdr:from>
      <xdr:col>1</xdr:col>
      <xdr:colOff>5862</xdr:colOff>
      <xdr:row>69</xdr:row>
      <xdr:rowOff>224935</xdr:rowOff>
    </xdr:from>
    <xdr:to>
      <xdr:col>5</xdr:col>
      <xdr:colOff>375259</xdr:colOff>
      <xdr:row>71</xdr:row>
      <xdr:rowOff>139210</xdr:rowOff>
    </xdr:to>
    <xdr:sp macro="" textlink="">
      <xdr:nvSpPr>
        <xdr:cNvPr id="3134" name="Text Box 62"/>
        <xdr:cNvSpPr txBox="1">
          <a:spLocks noChangeArrowheads="1"/>
        </xdr:cNvSpPr>
      </xdr:nvSpPr>
      <xdr:spPr bwMode="auto">
        <a:xfrm>
          <a:off x="247650" y="16182973"/>
          <a:ext cx="2987187" cy="412506"/>
        </a:xfrm>
        <a:prstGeom prst="rect">
          <a:avLst/>
        </a:prstGeom>
        <a:solidFill>
          <a:srgbClr val="FFFFFF"/>
        </a:solidFill>
        <a:ln w="38100" algn="ctr">
          <a:solidFill>
            <a:srgbClr xmlns:mc="http://schemas.openxmlformats.org/markup-compatibility/2006" xmlns:a14="http://schemas.microsoft.com/office/drawing/2010/main" val="000000" mc:Ignorable="a14" a14:legacySpreadsheetColorIndex="64"/>
          </a:solidFill>
          <a:prstDash val="sysDot"/>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0" tIns="0" rIns="0" bIns="0" anchor="ctr" upright="1"/>
        <a:lstStyle/>
        <a:p>
          <a:pPr algn="ctr" rtl="0">
            <a:defRPr sz="1000"/>
          </a:pPr>
          <a:r>
            <a:rPr lang="ja-JP" altLang="en-US" sz="850" b="1" i="0" u="none" strike="noStrike" baseline="0">
              <a:solidFill>
                <a:srgbClr val="000000"/>
              </a:solidFill>
              <a:latin typeface="ＭＳ 明朝"/>
              <a:ea typeface="ＭＳ 明朝"/>
            </a:rPr>
            <a:t>「設計図書の照査」の範囲を超えるもの</a:t>
          </a:r>
        </a:p>
        <a:p>
          <a:pPr algn="ctr" rtl="0">
            <a:defRPr sz="1000"/>
          </a:pPr>
          <a:r>
            <a:rPr lang="ja-JP" altLang="en-US" sz="850" b="1" i="0" u="none" strike="noStrike" baseline="0">
              <a:solidFill>
                <a:srgbClr val="000000"/>
              </a:solidFill>
              <a:latin typeface="ＭＳ 明朝"/>
              <a:ea typeface="ＭＳ 明朝"/>
            </a:rPr>
            <a:t>発注者の責任、または費用負担が必要な内容</a:t>
          </a:r>
        </a:p>
      </xdr:txBody>
    </xdr:sp>
    <xdr:clientData/>
  </xdr:twoCellAnchor>
  <xdr:twoCellAnchor>
    <xdr:from>
      <xdr:col>0</xdr:col>
      <xdr:colOff>68580</xdr:colOff>
      <xdr:row>52</xdr:row>
      <xdr:rowOff>76200</xdr:rowOff>
    </xdr:from>
    <xdr:to>
      <xdr:col>10</xdr:col>
      <xdr:colOff>495300</xdr:colOff>
      <xdr:row>69</xdr:row>
      <xdr:rowOff>114300</xdr:rowOff>
    </xdr:to>
    <xdr:grpSp>
      <xdr:nvGrpSpPr>
        <xdr:cNvPr id="3613" name="グループ化 18"/>
        <xdr:cNvGrpSpPr>
          <a:grpSpLocks/>
        </xdr:cNvGrpSpPr>
      </xdr:nvGrpSpPr>
      <xdr:grpSpPr bwMode="auto">
        <a:xfrm>
          <a:off x="68580" y="11864340"/>
          <a:ext cx="6096000" cy="4267200"/>
          <a:chOff x="73025" y="11773087"/>
          <a:chExt cx="6869393" cy="4394387"/>
        </a:xfrm>
      </xdr:grpSpPr>
      <xdr:sp macro="" textlink="">
        <xdr:nvSpPr>
          <xdr:cNvPr id="20" name="AutoShape 49"/>
          <xdr:cNvSpPr>
            <a:spLocks noChangeArrowheads="1"/>
          </xdr:cNvSpPr>
        </xdr:nvSpPr>
        <xdr:spPr bwMode="auto">
          <a:xfrm>
            <a:off x="150306" y="14292012"/>
            <a:ext cx="6680485" cy="1663589"/>
          </a:xfrm>
          <a:prstGeom prst="roundRect">
            <a:avLst>
              <a:gd name="adj" fmla="val 3694"/>
            </a:avLst>
          </a:prstGeom>
          <a:noFill/>
          <a:ln w="12700" algn="ctr">
            <a:solidFill>
              <a:srgbClr xmlns:mc="http://schemas.openxmlformats.org/markup-compatibility/2006" xmlns:a14="http://schemas.microsoft.com/office/drawing/2010/main" val="000000" mc:Ignorable="a14" a14:legacySpreadsheetColorIndex="64"/>
            </a:solidFill>
            <a:round/>
            <a:headEnd/>
            <a:tailEnd/>
          </a:ln>
          <a:effectLst/>
          <a:extLst/>
        </xdr:spPr>
        <xdr:txBody>
          <a:bodyPr vertOverflow="clip" wrap="square" lIns="36576" tIns="22860" rIns="36576" bIns="0" anchor="t" upright="1"/>
          <a:lstStyle/>
          <a:p>
            <a:pPr algn="ctr" rtl="0">
              <a:defRPr sz="1000"/>
            </a:pPr>
            <a:r>
              <a:rPr lang="ja-JP" altLang="en-US" sz="1400" b="1" i="0" u="none" strike="noStrike" baseline="0">
                <a:solidFill>
                  <a:srgbClr val="000000"/>
                </a:solidFill>
                <a:latin typeface="ＭＳ Ｐゴシック"/>
                <a:ea typeface="ＭＳ Ｐゴシック"/>
              </a:rPr>
              <a:t>設計図書の訂正、変更、追加調査</a:t>
            </a:r>
          </a:p>
        </xdr:txBody>
      </xdr:sp>
      <xdr:sp macro="" textlink="">
        <xdr:nvSpPr>
          <xdr:cNvPr id="21" name="Rectangle 53" descr="10%"/>
          <xdr:cNvSpPr>
            <a:spLocks noChangeArrowheads="1"/>
          </xdr:cNvSpPr>
        </xdr:nvSpPr>
        <xdr:spPr bwMode="auto">
          <a:xfrm>
            <a:off x="828658" y="14684368"/>
            <a:ext cx="5830397" cy="1177068"/>
          </a:xfrm>
          <a:prstGeom prst="rect">
            <a:avLst/>
          </a:prstGeom>
          <a:noFill/>
          <a:ln w="12700" algn="ctr">
            <a:solidFill>
              <a:srgbClr xmlns:mc="http://schemas.openxmlformats.org/markup-compatibility/2006" xmlns:a14="http://schemas.microsoft.com/office/drawing/2010/main" val="000000" mc:Ignorable="a14" a14:legacySpreadsheetColorIndex="64"/>
            </a:solidFill>
            <a:miter lim="800000"/>
            <a:headEnd/>
            <a:tailEnd/>
          </a:ln>
          <a:effectLst/>
          <a:extLst/>
        </xdr:spPr>
        <xdr:txBody>
          <a:bodyPr vertOverflow="clip" wrap="square" lIns="108000" tIns="46800" rIns="108000" bIns="46800" anchor="ctr" upright="1"/>
          <a:lstStyle/>
          <a:p>
            <a:pPr algn="l" rtl="0">
              <a:lnSpc>
                <a:spcPts val="1200"/>
              </a:lnSpc>
              <a:defRPr sz="1000"/>
            </a:pPr>
            <a:endParaRPr lang="ja-JP" altLang="en-US" sz="1000" b="0" i="0" u="none" strike="noStrike" baseline="0">
              <a:solidFill>
                <a:srgbClr val="000000"/>
              </a:solidFill>
              <a:latin typeface="ＭＳ Ｐゴシック"/>
              <a:ea typeface="ＭＳ Ｐゴシック"/>
            </a:endParaRPr>
          </a:p>
          <a:p>
            <a:pPr algn="l" rtl="0">
              <a:lnSpc>
                <a:spcPts val="1100"/>
              </a:lnSpc>
              <a:defRPr sz="1000"/>
            </a:pPr>
            <a:r>
              <a:rPr lang="ja-JP" altLang="en-US" sz="1000" b="0" i="0" u="none" strike="noStrike" baseline="0">
                <a:solidFill>
                  <a:srgbClr val="000000"/>
                </a:solidFill>
                <a:latin typeface="ＭＳ Ｐゴシック"/>
                <a:ea typeface="ＭＳ Ｐゴシック"/>
              </a:rPr>
              <a:t>　　　　</a:t>
            </a:r>
            <a:r>
              <a:rPr lang="ja-JP" altLang="en-US" sz="1000" b="1" i="0" u="none" strike="noStrike" baseline="0">
                <a:solidFill>
                  <a:srgbClr val="000000"/>
                </a:solidFill>
                <a:latin typeface="ＭＳ Ｐゴシック"/>
                <a:ea typeface="ＭＳ Ｐゴシック"/>
              </a:rPr>
              <a:t>設計図書の照査を行った結果生じた計画の見直し、図面の再作成、構造計算の再計算、</a:t>
            </a:r>
          </a:p>
          <a:p>
            <a:pPr algn="l" rtl="0">
              <a:lnSpc>
                <a:spcPts val="1200"/>
              </a:lnSpc>
              <a:defRPr sz="1000"/>
            </a:pPr>
            <a:r>
              <a:rPr lang="ja-JP" altLang="en-US" sz="1000" b="1" i="0" u="none" strike="noStrike" baseline="0">
                <a:solidFill>
                  <a:srgbClr val="000000"/>
                </a:solidFill>
                <a:latin typeface="ＭＳ Ｐゴシック"/>
                <a:ea typeface="ＭＳ Ｐゴシック"/>
              </a:rPr>
              <a:t>　　　追加調査の実施等</a:t>
            </a:r>
          </a:p>
          <a:p>
            <a:pPr algn="l" rtl="0">
              <a:lnSpc>
                <a:spcPts val="1100"/>
              </a:lnSpc>
              <a:defRPr sz="1000"/>
            </a:pPr>
            <a:endParaRPr lang="ja-JP" altLang="en-US" sz="1000" b="0" i="0" u="none" strike="noStrike" baseline="0">
              <a:solidFill>
                <a:srgbClr val="000000"/>
              </a:solidFill>
              <a:latin typeface="ＭＳ Ｐゴシック"/>
              <a:ea typeface="ＭＳ Ｐゴシック"/>
            </a:endParaRPr>
          </a:p>
          <a:p>
            <a:pPr algn="l" rtl="0">
              <a:lnSpc>
                <a:spcPts val="1100"/>
              </a:lnSpc>
              <a:defRPr sz="1000"/>
            </a:pPr>
            <a:r>
              <a:rPr lang="ja-JP" altLang="en-US" sz="1000" b="0" i="0" u="none" strike="noStrike" baseline="0">
                <a:solidFill>
                  <a:srgbClr val="000000"/>
                </a:solidFill>
                <a:latin typeface="ＭＳ Ｐゴシック"/>
                <a:ea typeface="ＭＳ Ｐゴシック"/>
              </a:rPr>
              <a:t>　　　　</a:t>
            </a:r>
            <a:r>
              <a:rPr lang="ja-JP" altLang="en-US" sz="1000" b="0" i="0" u="none" strike="noStrike" baseline="0">
                <a:solidFill>
                  <a:srgbClr val="000000"/>
                </a:solidFill>
                <a:latin typeface="ＭＳ Ｐ明朝"/>
                <a:ea typeface="ＭＳ Ｐ明朝"/>
              </a:rPr>
              <a:t>（発注者の責任で行う。受注者が実施する場合は発注者の費用負担）</a:t>
            </a:r>
          </a:p>
        </xdr:txBody>
      </xdr:sp>
      <xdr:sp macro="" textlink="">
        <xdr:nvSpPr>
          <xdr:cNvPr id="22" name="AutoShape 48"/>
          <xdr:cNvSpPr>
            <a:spLocks noChangeArrowheads="1"/>
          </xdr:cNvSpPr>
        </xdr:nvSpPr>
        <xdr:spPr bwMode="auto">
          <a:xfrm>
            <a:off x="73025" y="11773087"/>
            <a:ext cx="6869393" cy="4394387"/>
          </a:xfrm>
          <a:prstGeom prst="roundRect">
            <a:avLst>
              <a:gd name="adj" fmla="val 5736"/>
            </a:avLst>
          </a:prstGeom>
          <a:noFill/>
          <a:ln w="28575" algn="ctr">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solidFill>
                  <a:srgbClr val="EAEAEA">
                    <a:alpha val="71001"/>
                  </a:srgbClr>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27432" bIns="0" anchor="t" upright="1"/>
          <a:lstStyle/>
          <a:p>
            <a:pPr algn="ctr" rtl="0">
              <a:defRPr sz="1000"/>
            </a:pPr>
            <a:r>
              <a:rPr lang="ja-JP" altLang="en-US" sz="1100" b="0" i="0" u="none" strike="noStrike" baseline="0">
                <a:solidFill>
                  <a:srgbClr val="000000"/>
                </a:solidFill>
                <a:latin typeface="ＭＳ Ｐゴシック"/>
                <a:ea typeface="ＭＳ Ｐゴシック"/>
              </a:rPr>
              <a:t>　</a:t>
            </a:r>
            <a:r>
              <a:rPr lang="ja-JP" altLang="en-US" sz="1600" b="1" i="0" u="none" strike="noStrike" baseline="0">
                <a:solidFill>
                  <a:srgbClr val="000000"/>
                </a:solidFill>
                <a:latin typeface="ＭＳ Ｐゴシック"/>
                <a:ea typeface="ＭＳ Ｐゴシック"/>
              </a:rPr>
              <a:t>設計図書の照査に関連する作業の位置付け</a:t>
            </a:r>
          </a:p>
        </xdr:txBody>
      </xdr:sp>
      <xdr:sp macro="" textlink="">
        <xdr:nvSpPr>
          <xdr:cNvPr id="23" name="AutoShape 50"/>
          <xdr:cNvSpPr>
            <a:spLocks noChangeArrowheads="1"/>
          </xdr:cNvSpPr>
        </xdr:nvSpPr>
        <xdr:spPr bwMode="auto">
          <a:xfrm>
            <a:off x="150306" y="12149749"/>
            <a:ext cx="6680485" cy="1632201"/>
          </a:xfrm>
          <a:prstGeom prst="roundRect">
            <a:avLst>
              <a:gd name="adj" fmla="val 3694"/>
            </a:avLst>
          </a:prstGeom>
          <a:noFill/>
          <a:ln w="12700" algn="ctr">
            <a:solidFill>
              <a:srgbClr xmlns:mc="http://schemas.openxmlformats.org/markup-compatibility/2006" xmlns:a14="http://schemas.microsoft.com/office/drawing/2010/main" val="000000" mc:Ignorable="a14" a14:legacySpreadsheetColorIndex="64"/>
            </a:solidFill>
            <a:round/>
            <a:headEnd/>
            <a:tailEnd/>
          </a:ln>
          <a:effectLst/>
          <a:extLst/>
        </xdr:spPr>
        <xdr:txBody>
          <a:bodyPr vertOverflow="clip" wrap="square" lIns="36576" tIns="22860" rIns="36576" bIns="0" anchor="t" upright="1"/>
          <a:lstStyle/>
          <a:p>
            <a:pPr algn="ctr" rtl="0">
              <a:defRPr sz="1000"/>
            </a:pPr>
            <a:r>
              <a:rPr lang="ja-JP" altLang="en-US" sz="1400" b="1" i="0" u="none" strike="noStrike" baseline="0">
                <a:solidFill>
                  <a:srgbClr val="000000"/>
                </a:solidFill>
                <a:latin typeface="ＭＳ Ｐゴシック"/>
                <a:ea typeface="ＭＳ Ｐゴシック"/>
              </a:rPr>
              <a:t>設計図書の照査など必要な確認作業内容</a:t>
            </a:r>
          </a:p>
        </xdr:txBody>
      </xdr:sp>
      <xdr:sp macro="" textlink="">
        <xdr:nvSpPr>
          <xdr:cNvPr id="24" name="Rectangle 51"/>
          <xdr:cNvSpPr>
            <a:spLocks noChangeArrowheads="1"/>
          </xdr:cNvSpPr>
        </xdr:nvSpPr>
        <xdr:spPr bwMode="auto">
          <a:xfrm>
            <a:off x="605403" y="12471481"/>
            <a:ext cx="2687650" cy="1027973"/>
          </a:xfrm>
          <a:prstGeom prst="rect">
            <a:avLst/>
          </a:prstGeom>
          <a:solidFill>
            <a:srgbClr xmlns:mc="http://schemas.openxmlformats.org/markup-compatibility/2006" xmlns:a14="http://schemas.microsoft.com/office/drawing/2010/main" val="FFFFFF" mc:Ignorable="a14" a14:legacySpreadsheetColorIndex="65"/>
          </a:solidFill>
          <a:ln w="2857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27432" bIns="18288" anchor="ctr" upright="1"/>
          <a:lstStyle/>
          <a:p>
            <a:pPr algn="ctr" rtl="0">
              <a:lnSpc>
                <a:spcPts val="1100"/>
              </a:lnSpc>
              <a:defRPr sz="1000"/>
            </a:pPr>
            <a:r>
              <a:rPr lang="ja-JP" altLang="en-US" sz="1000" b="1" i="0" u="none" strike="noStrike" baseline="0">
                <a:solidFill>
                  <a:srgbClr val="000000"/>
                </a:solidFill>
                <a:latin typeface="ＭＳ Ｐゴシック"/>
                <a:ea typeface="ＭＳ Ｐゴシック"/>
              </a:rPr>
              <a:t>「 設計図書の照査</a:t>
            </a:r>
            <a:r>
              <a:rPr lang="ja-JP" altLang="ja-JP" sz="1000" b="1" i="0" baseline="0">
                <a:effectLst/>
                <a:latin typeface="+mn-lt"/>
                <a:ea typeface="+mn-ea"/>
                <a:cs typeface="+mn-cs"/>
              </a:rPr>
              <a:t>要領</a:t>
            </a:r>
            <a:r>
              <a:rPr lang="ja-JP" altLang="en-US" sz="1000" b="1" i="0" u="none" strike="noStrike" baseline="0">
                <a:solidFill>
                  <a:srgbClr val="000000"/>
                </a:solidFill>
                <a:effectLst/>
                <a:latin typeface="ＭＳ Ｐゴシック"/>
                <a:ea typeface="ＭＳ Ｐゴシック"/>
                <a:cs typeface="+mn-cs"/>
              </a:rPr>
              <a:t> 」の</a:t>
            </a:r>
            <a:r>
              <a:rPr lang="ja-JP" altLang="en-US" sz="1000" b="1" i="0" u="none" strike="noStrike" baseline="0">
                <a:solidFill>
                  <a:srgbClr val="000000"/>
                </a:solidFill>
                <a:latin typeface="ＭＳ Ｐゴシック"/>
                <a:ea typeface="ＭＳ Ｐゴシック"/>
              </a:rPr>
              <a:t>内容</a:t>
            </a:r>
          </a:p>
          <a:p>
            <a:pPr algn="ctr" rtl="0">
              <a:lnSpc>
                <a:spcPts val="1100"/>
              </a:lnSpc>
              <a:defRPr sz="1000"/>
            </a:pPr>
            <a:endParaRPr lang="ja-JP" altLang="en-US" sz="1000" b="0" i="0" u="none" strike="noStrike" baseline="0">
              <a:solidFill>
                <a:srgbClr val="000000"/>
              </a:solidFill>
              <a:latin typeface="ＭＳ Ｐ明朝"/>
              <a:ea typeface="ＭＳ Ｐ明朝"/>
            </a:endParaRPr>
          </a:p>
          <a:p>
            <a:pPr algn="ctr" rtl="0">
              <a:lnSpc>
                <a:spcPts val="1100"/>
              </a:lnSpc>
              <a:defRPr sz="1000"/>
            </a:pPr>
            <a:r>
              <a:rPr lang="ja-JP" altLang="en-US" sz="1000" b="0" i="0" u="none" strike="noStrike" baseline="0">
                <a:solidFill>
                  <a:srgbClr val="000000"/>
                </a:solidFill>
                <a:latin typeface="ＭＳ Ｐ明朝"/>
                <a:ea typeface="ＭＳ Ｐ明朝"/>
              </a:rPr>
              <a:t>（受注者が自らの負担で実施する）</a:t>
            </a:r>
          </a:p>
        </xdr:txBody>
      </xdr:sp>
      <xdr:sp macro="" textlink="">
        <xdr:nvSpPr>
          <xdr:cNvPr id="25" name="Rectangle 52" descr="10%"/>
          <xdr:cNvSpPr>
            <a:spLocks noChangeArrowheads="1"/>
          </xdr:cNvSpPr>
        </xdr:nvSpPr>
        <xdr:spPr bwMode="auto">
          <a:xfrm>
            <a:off x="3653696" y="12487175"/>
            <a:ext cx="3048293" cy="1004431"/>
          </a:xfrm>
          <a:prstGeom prst="rect">
            <a:avLst/>
          </a:prstGeom>
          <a:no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　    </a:t>
            </a:r>
            <a:r>
              <a:rPr lang="ja-JP" altLang="en-US" sz="1000" b="1" i="0" u="none" strike="noStrike" baseline="0">
                <a:solidFill>
                  <a:srgbClr val="000000"/>
                </a:solidFill>
                <a:latin typeface="ＭＳ Ｐゴシック"/>
                <a:ea typeface="ＭＳ Ｐゴシック"/>
              </a:rPr>
              <a:t>　「 設計図書の照査要領 」以外の照査</a:t>
            </a:r>
            <a:endParaRPr lang="ja-JP" altLang="en-US" sz="1000" b="1" i="0" u="none" strike="noStrike" baseline="0">
              <a:solidFill>
                <a:srgbClr val="000000"/>
              </a:solidFill>
              <a:latin typeface="ＭＳ Ｐ明朝"/>
              <a:ea typeface="ＭＳ Ｐ明朝"/>
            </a:endParaRPr>
          </a:p>
          <a:p>
            <a:pPr algn="l" rtl="0">
              <a:lnSpc>
                <a:spcPts val="1100"/>
              </a:lnSpc>
              <a:defRPr sz="1000"/>
            </a:pPr>
            <a:r>
              <a:rPr lang="ja-JP" altLang="en-US" sz="1000" b="0" i="0" u="none" strike="noStrike" baseline="0">
                <a:solidFill>
                  <a:srgbClr val="000000"/>
                </a:solidFill>
                <a:latin typeface="ＭＳ Ｐ明朝"/>
                <a:ea typeface="ＭＳ Ｐ明朝"/>
              </a:rPr>
              <a:t>　　　</a:t>
            </a:r>
          </a:p>
          <a:p>
            <a:pPr algn="l" rtl="0">
              <a:lnSpc>
                <a:spcPts val="1100"/>
              </a:lnSpc>
              <a:defRPr sz="1000"/>
            </a:pPr>
            <a:r>
              <a:rPr lang="ja-JP" altLang="en-US" sz="1000" b="0" i="0" u="none" strike="noStrike" baseline="0">
                <a:solidFill>
                  <a:srgbClr val="000000"/>
                </a:solidFill>
                <a:latin typeface="ＭＳ Ｐ明朝"/>
                <a:ea typeface="ＭＳ Ｐ明朝"/>
              </a:rPr>
              <a:t>　 　（受注者が実施する場合は、発注者の費用負担）</a:t>
            </a:r>
          </a:p>
        </xdr:txBody>
      </xdr:sp>
      <xdr:sp macro="" textlink="">
        <xdr:nvSpPr>
          <xdr:cNvPr id="3621" name="Freeform 54"/>
          <xdr:cNvSpPr>
            <a:spLocks/>
          </xdr:cNvSpPr>
        </xdr:nvSpPr>
        <xdr:spPr bwMode="auto">
          <a:xfrm>
            <a:off x="230762" y="12460920"/>
            <a:ext cx="6624709" cy="3638397"/>
          </a:xfrm>
          <a:custGeom>
            <a:avLst/>
            <a:gdLst>
              <a:gd name="T0" fmla="*/ 2147483647 w 10082"/>
              <a:gd name="T1" fmla="*/ 2147483647 h 10298"/>
              <a:gd name="T2" fmla="*/ 2147483647 w 10082"/>
              <a:gd name="T3" fmla="*/ 2147483647 h 10298"/>
              <a:gd name="T4" fmla="*/ 2147483647 w 10082"/>
              <a:gd name="T5" fmla="*/ 2147483647 h 10298"/>
              <a:gd name="T6" fmla="*/ 2147483647 w 10082"/>
              <a:gd name="T7" fmla="*/ 2147483647 h 10298"/>
              <a:gd name="T8" fmla="*/ 2147483647 w 10082"/>
              <a:gd name="T9" fmla="*/ 2147483647 h 10298"/>
              <a:gd name="T10" fmla="*/ 2147483647 w 10082"/>
              <a:gd name="T11" fmla="*/ 2147483647 h 10298"/>
              <a:gd name="T12" fmla="*/ 2147483647 w 10082"/>
              <a:gd name="T13" fmla="*/ 2147483647 h 10298"/>
              <a:gd name="T14" fmla="*/ 2147483647 w 10082"/>
              <a:gd name="T15" fmla="*/ 2147483647 h 10298"/>
              <a:gd name="T16" fmla="*/ 2147483647 w 10082"/>
              <a:gd name="T17" fmla="*/ 2147483647 h 10298"/>
              <a:gd name="T18" fmla="*/ 2147483647 w 10082"/>
              <a:gd name="T19" fmla="*/ 2147483647 h 10298"/>
              <a:gd name="T20" fmla="*/ 2147483647 w 10082"/>
              <a:gd name="T21" fmla="*/ 2147483647 h 10298"/>
              <a:gd name="T22" fmla="*/ 2147483647 w 10082"/>
              <a:gd name="T23" fmla="*/ 2147483647 h 1029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10082" h="10298">
                <a:moveTo>
                  <a:pt x="26" y="8193"/>
                </a:moveTo>
                <a:cubicBezTo>
                  <a:pt x="44" y="8829"/>
                  <a:pt x="-298" y="9781"/>
                  <a:pt x="1083" y="10099"/>
                </a:cubicBezTo>
                <a:cubicBezTo>
                  <a:pt x="2464" y="10417"/>
                  <a:pt x="6824" y="10308"/>
                  <a:pt x="8311" y="10099"/>
                </a:cubicBezTo>
                <a:cubicBezTo>
                  <a:pt x="9798" y="9890"/>
                  <a:pt x="9608" y="10338"/>
                  <a:pt x="10004" y="8843"/>
                </a:cubicBezTo>
                <a:cubicBezTo>
                  <a:pt x="9989" y="7716"/>
                  <a:pt x="10147" y="2516"/>
                  <a:pt x="10052" y="1042"/>
                </a:cubicBezTo>
                <a:cubicBezTo>
                  <a:pt x="9957" y="-431"/>
                  <a:pt x="9829" y="111"/>
                  <a:pt x="9323" y="46"/>
                </a:cubicBezTo>
                <a:cubicBezTo>
                  <a:pt x="8817" y="-19"/>
                  <a:pt x="5917" y="25"/>
                  <a:pt x="5331" y="46"/>
                </a:cubicBezTo>
                <a:cubicBezTo>
                  <a:pt x="4744" y="68"/>
                  <a:pt x="5124" y="1108"/>
                  <a:pt x="5061" y="2473"/>
                </a:cubicBezTo>
                <a:cubicBezTo>
                  <a:pt x="4903" y="3361"/>
                  <a:pt x="6843" y="2791"/>
                  <a:pt x="7152" y="3383"/>
                </a:cubicBezTo>
                <a:cubicBezTo>
                  <a:pt x="7461" y="3975"/>
                  <a:pt x="8043" y="5592"/>
                  <a:pt x="6918" y="6025"/>
                </a:cubicBezTo>
                <a:cubicBezTo>
                  <a:pt x="6459" y="6089"/>
                  <a:pt x="2122" y="5922"/>
                  <a:pt x="973" y="6283"/>
                </a:cubicBezTo>
                <a:cubicBezTo>
                  <a:pt x="-176" y="6644"/>
                  <a:pt x="8" y="7557"/>
                  <a:pt x="26" y="8193"/>
                </a:cubicBezTo>
                <a:close/>
              </a:path>
            </a:pathLst>
          </a:custGeom>
          <a:noFill/>
          <a:ln w="44450" cap="flat" cmpd="sng">
            <a:solidFill>
              <a:srgbClr val="000000"/>
            </a:solidFill>
            <a:prstDash val="sysDot"/>
            <a:round/>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sp macro="" textlink="">
        <xdr:nvSpPr>
          <xdr:cNvPr id="27" name="Text Box 55"/>
          <xdr:cNvSpPr txBox="1">
            <a:spLocks noChangeArrowheads="1"/>
          </xdr:cNvSpPr>
        </xdr:nvSpPr>
        <xdr:spPr bwMode="auto">
          <a:xfrm>
            <a:off x="5104855" y="13774103"/>
            <a:ext cx="1657241" cy="525757"/>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22860" rIns="27432" bIns="0" anchor="t" upright="1"/>
          <a:lstStyle/>
          <a:p>
            <a:pPr algn="ctr" rtl="0">
              <a:lnSpc>
                <a:spcPts val="1300"/>
              </a:lnSpc>
              <a:defRPr sz="1000"/>
            </a:pPr>
            <a:r>
              <a:rPr lang="ja-JP" altLang="en-US" sz="1000" b="1" i="0" u="none" strike="noStrike" baseline="0">
                <a:solidFill>
                  <a:srgbClr val="333333"/>
                </a:solidFill>
                <a:latin typeface="ＤＨＰ特太ゴシック体"/>
                <a:ea typeface="ＤＨＰ特太ゴシック体"/>
              </a:rPr>
              <a:t>発注者の責任、</a:t>
            </a:r>
          </a:p>
          <a:p>
            <a:pPr algn="ctr" rtl="0">
              <a:lnSpc>
                <a:spcPts val="1200"/>
              </a:lnSpc>
              <a:defRPr sz="1000"/>
            </a:pPr>
            <a:r>
              <a:rPr lang="ja-JP" altLang="en-US" sz="1000" b="1" i="0" u="none" strike="noStrike" baseline="0">
                <a:solidFill>
                  <a:srgbClr val="333333"/>
                </a:solidFill>
                <a:latin typeface="ＤＨＰ特太ゴシック体"/>
                <a:ea typeface="ＤＨＰ特太ゴシック体"/>
              </a:rPr>
              <a:t>または</a:t>
            </a:r>
          </a:p>
          <a:p>
            <a:pPr algn="ctr" rtl="0">
              <a:lnSpc>
                <a:spcPts val="1100"/>
              </a:lnSpc>
              <a:defRPr sz="1000"/>
            </a:pPr>
            <a:r>
              <a:rPr lang="ja-JP" altLang="en-US" sz="1000" b="1" i="0" u="none" strike="noStrike" baseline="0">
                <a:solidFill>
                  <a:srgbClr val="333333"/>
                </a:solidFill>
                <a:latin typeface="ＤＨＰ特太ゴシック体"/>
                <a:ea typeface="ＤＨＰ特太ゴシック体"/>
              </a:rPr>
              <a:t>費用負担が必要な内容</a:t>
            </a:r>
          </a:p>
        </xdr:txBody>
      </xdr:sp>
      <xdr:sp macro="" textlink="">
        <xdr:nvSpPr>
          <xdr:cNvPr id="28" name="AutoShape 56"/>
          <xdr:cNvSpPr>
            <a:spLocks noChangeArrowheads="1"/>
          </xdr:cNvSpPr>
        </xdr:nvSpPr>
        <xdr:spPr bwMode="auto">
          <a:xfrm rot="5400000">
            <a:off x="3127668" y="13401932"/>
            <a:ext cx="408050" cy="1262251"/>
          </a:xfrm>
          <a:prstGeom prst="rightArrow">
            <a:avLst>
              <a:gd name="adj1" fmla="val 54843"/>
              <a:gd name="adj2" fmla="val 53896"/>
            </a:avLst>
          </a:prstGeom>
          <a:solidFill>
            <a:srgbClr xmlns:mc="http://schemas.openxmlformats.org/markup-compatibility/2006" xmlns:a14="http://schemas.microsoft.com/office/drawing/2010/main" val="808080" mc:Ignorable="a14" a14:legacySpreadsheetColorIndex="23"/>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27432" bIns="18288" anchor="ctr" upright="1"/>
          <a:lstStyle/>
          <a:p>
            <a:pPr algn="ctr" rtl="0">
              <a:defRPr sz="1000"/>
            </a:pPr>
            <a:r>
              <a:rPr lang="ja-JP" altLang="en-US" sz="1200" b="0" i="0" u="none" strike="noStrike" baseline="0">
                <a:solidFill>
                  <a:srgbClr val="FFFFFF"/>
                </a:solidFill>
                <a:latin typeface="ＭＳ Ｐゴシック"/>
                <a:ea typeface="ＭＳ Ｐゴシック"/>
              </a:rPr>
              <a:t>照査後</a:t>
            </a:r>
          </a:p>
        </xdr:txBody>
      </xdr:sp>
      <xdr:sp macro="" textlink="">
        <xdr:nvSpPr>
          <xdr:cNvPr id="29" name="Text Box 57"/>
          <xdr:cNvSpPr txBox="1">
            <a:spLocks noChangeArrowheads="1"/>
          </xdr:cNvSpPr>
        </xdr:nvSpPr>
        <xdr:spPr bwMode="auto">
          <a:xfrm>
            <a:off x="3730977" y="12565646"/>
            <a:ext cx="214669" cy="211872"/>
          </a:xfrm>
          <a:prstGeom prst="rect">
            <a:avLst/>
          </a:prstGeom>
          <a:solidFill>
            <a:srgbClr xmlns:mc="http://schemas.openxmlformats.org/markup-compatibility/2006" xmlns:a14="http://schemas.microsoft.com/office/drawing/2010/main" val="FFFFFF" mc:Ignorable="a14" a14:legacySpreadsheetColorIndex="9"/>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27432" bIns="18288" anchor="ctr" upright="1"/>
          <a:lstStyle/>
          <a:p>
            <a:pPr algn="ctr" rtl="0">
              <a:defRPr sz="1000"/>
            </a:pPr>
            <a:r>
              <a:rPr lang="ja-JP" altLang="en-US" sz="1200" b="0" i="0" u="none" strike="noStrike" baseline="0">
                <a:solidFill>
                  <a:srgbClr val="000000"/>
                </a:solidFill>
                <a:latin typeface="ＭＳ Ｐゴシック"/>
                <a:ea typeface="ＭＳ Ｐゴシック"/>
              </a:rPr>
              <a:t>Ａ</a:t>
            </a:r>
          </a:p>
        </xdr:txBody>
      </xdr:sp>
      <xdr:sp macro="" textlink="">
        <xdr:nvSpPr>
          <xdr:cNvPr id="30" name="Text Box 58"/>
          <xdr:cNvSpPr txBox="1">
            <a:spLocks noChangeArrowheads="1"/>
          </xdr:cNvSpPr>
        </xdr:nvSpPr>
        <xdr:spPr bwMode="auto">
          <a:xfrm>
            <a:off x="897352" y="14762840"/>
            <a:ext cx="214669" cy="211872"/>
          </a:xfrm>
          <a:prstGeom prst="rect">
            <a:avLst/>
          </a:prstGeom>
          <a:solidFill>
            <a:srgbClr xmlns:mc="http://schemas.openxmlformats.org/markup-compatibility/2006" xmlns:a14="http://schemas.microsoft.com/office/drawing/2010/main" val="FFFFFF" mc:Ignorable="a14" a14:legacySpreadsheetColorIndex="9"/>
          </a:solidFill>
          <a:ln w="9525" algn="ctr">
            <a:solidFill>
              <a:srgbClr xmlns:mc="http://schemas.openxmlformats.org/markup-compatibility/2006" xmlns:a14="http://schemas.microsoft.com/office/drawing/2010/main" val="000000" mc:Ignorable="a14" a14:legacySpreadsheetColorIndex="64"/>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27432" tIns="18288" rIns="27432" bIns="18288" anchor="ctr" upright="1"/>
          <a:lstStyle/>
          <a:p>
            <a:pPr algn="ctr" rtl="0">
              <a:defRPr sz="1000"/>
            </a:pPr>
            <a:r>
              <a:rPr lang="ja-JP" altLang="en-US" sz="1200" b="0" i="0" u="none" strike="noStrike" baseline="0">
                <a:solidFill>
                  <a:srgbClr val="000000"/>
                </a:solidFill>
                <a:latin typeface="ＭＳ Ｐゴシック"/>
                <a:ea typeface="ＭＳ Ｐゴシック"/>
              </a:rPr>
              <a:t>Ｂ</a:t>
            </a:r>
          </a:p>
        </xdr:txBody>
      </xdr:sp>
    </xdr:grpSp>
    <xdr:clientData/>
  </xdr:twoCellAnchor>
  <xdr:twoCellAnchor>
    <xdr:from>
      <xdr:col>1</xdr:col>
      <xdr:colOff>411480</xdr:colOff>
      <xdr:row>77</xdr:row>
      <xdr:rowOff>53340</xdr:rowOff>
    </xdr:from>
    <xdr:to>
      <xdr:col>2</xdr:col>
      <xdr:colOff>457200</xdr:colOff>
      <xdr:row>77</xdr:row>
      <xdr:rowOff>198120</xdr:rowOff>
    </xdr:to>
    <xdr:sp macro="" textlink="">
      <xdr:nvSpPr>
        <xdr:cNvPr id="3614" name="AutoShape 61"/>
        <xdr:cNvSpPr>
          <a:spLocks noChangeArrowheads="1"/>
        </xdr:cNvSpPr>
      </xdr:nvSpPr>
      <xdr:spPr bwMode="auto">
        <a:xfrm>
          <a:off x="624840" y="18082260"/>
          <a:ext cx="487680" cy="144780"/>
        </a:xfrm>
        <a:prstGeom prst="roundRect">
          <a:avLst>
            <a:gd name="adj" fmla="val 0"/>
          </a:avLst>
        </a:prstGeom>
        <a:noFill/>
        <a:ln w="44450" algn="ctr">
          <a:solidFill>
            <a:srgbClr xmlns:mc="http://schemas.openxmlformats.org/markup-compatibility/2006" xmlns:a14="http://schemas.microsoft.com/office/drawing/2010/main" val="000000" mc:Ignorable="a14" a14:legacySpreadsheetColorIndex="64"/>
          </a:solidFill>
          <a:prstDash val="sysDot"/>
          <a:round/>
          <a:headEnd/>
          <a:tailEnd/>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0</xdr:colOff>
      <xdr:row>3</xdr:row>
      <xdr:rowOff>0</xdr:rowOff>
    </xdr:from>
    <xdr:to>
      <xdr:col>13</xdr:col>
      <xdr:colOff>0</xdr:colOff>
      <xdr:row>3</xdr:row>
      <xdr:rowOff>0</xdr:rowOff>
    </xdr:to>
    <xdr:sp macro="" textlink="">
      <xdr:nvSpPr>
        <xdr:cNvPr id="15392" name="Line 4"/>
        <xdr:cNvSpPr>
          <a:spLocks noChangeShapeType="1"/>
        </xdr:cNvSpPr>
      </xdr:nvSpPr>
      <xdr:spPr bwMode="auto">
        <a:xfrm>
          <a:off x="1554480" y="990600"/>
          <a:ext cx="5890260"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clientData/>
  </xdr:twoCellAnchor>
</xdr:wsDr>
</file>

<file path=xl/drawings/drawing5.xml><?xml version="1.0" encoding="utf-8"?>
<xdr:wsDr xmlns:xdr="http://schemas.openxmlformats.org/drawingml/2006/spreadsheetDrawing" xmlns:a="http://schemas.openxmlformats.org/drawingml/2006/main">
  <xdr:twoCellAnchor>
    <xdr:from>
      <xdr:col>9</xdr:col>
      <xdr:colOff>198120</xdr:colOff>
      <xdr:row>2</xdr:row>
      <xdr:rowOff>53340</xdr:rowOff>
    </xdr:from>
    <xdr:to>
      <xdr:col>9</xdr:col>
      <xdr:colOff>1981200</xdr:colOff>
      <xdr:row>3</xdr:row>
      <xdr:rowOff>152400</xdr:rowOff>
    </xdr:to>
    <xdr:grpSp>
      <xdr:nvGrpSpPr>
        <xdr:cNvPr id="13755" name="Group 272"/>
        <xdr:cNvGrpSpPr>
          <a:grpSpLocks/>
        </xdr:cNvGrpSpPr>
      </xdr:nvGrpSpPr>
      <xdr:grpSpPr bwMode="auto">
        <a:xfrm>
          <a:off x="7604760" y="388620"/>
          <a:ext cx="1783080" cy="266700"/>
          <a:chOff x="697" y="35"/>
          <a:chExt cx="208" cy="28"/>
        </a:xfrm>
      </xdr:grpSpPr>
      <xdr:sp macro="" textlink="">
        <xdr:nvSpPr>
          <xdr:cNvPr id="13585" name="Text Box 273"/>
          <xdr:cNvSpPr txBox="1">
            <a:spLocks noChangeArrowheads="1"/>
          </xdr:cNvSpPr>
        </xdr:nvSpPr>
        <xdr:spPr bwMode="auto">
          <a:xfrm>
            <a:off x="697" y="35"/>
            <a:ext cx="207" cy="28"/>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100" b="0" i="0" u="none" strike="noStrike" baseline="0">
                <a:solidFill>
                  <a:srgbClr val="000000"/>
                </a:solidFill>
                <a:latin typeface="ＭＳ Ｐゴシック"/>
                <a:ea typeface="ＭＳ Ｐゴシック"/>
              </a:rPr>
              <a:t>提出年月日：　　　．　　　　．　　　</a:t>
            </a:r>
          </a:p>
        </xdr:txBody>
      </xdr:sp>
      <xdr:sp macro="" textlink="">
        <xdr:nvSpPr>
          <xdr:cNvPr id="13760" name="Line 274"/>
          <xdr:cNvSpPr>
            <a:spLocks noChangeShapeType="1"/>
          </xdr:cNvSpPr>
        </xdr:nvSpPr>
        <xdr:spPr bwMode="auto">
          <a:xfrm>
            <a:off x="697" y="57"/>
            <a:ext cx="208"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twoCellAnchor>
    <xdr:from>
      <xdr:col>0</xdr:col>
      <xdr:colOff>0</xdr:colOff>
      <xdr:row>6</xdr:row>
      <xdr:rowOff>38100</xdr:rowOff>
    </xdr:from>
    <xdr:to>
      <xdr:col>2</xdr:col>
      <xdr:colOff>2118360</xdr:colOff>
      <xdr:row>8</xdr:row>
      <xdr:rowOff>15240</xdr:rowOff>
    </xdr:to>
    <xdr:grpSp>
      <xdr:nvGrpSpPr>
        <xdr:cNvPr id="13756" name="Group 278"/>
        <xdr:cNvGrpSpPr>
          <a:grpSpLocks/>
        </xdr:cNvGrpSpPr>
      </xdr:nvGrpSpPr>
      <xdr:grpSpPr bwMode="auto">
        <a:xfrm>
          <a:off x="0" y="1043940"/>
          <a:ext cx="3695700" cy="312420"/>
          <a:chOff x="2" y="134"/>
          <a:chExt cx="431" cy="34"/>
        </a:xfrm>
      </xdr:grpSpPr>
      <xdr:sp macro="" textlink="">
        <xdr:nvSpPr>
          <xdr:cNvPr id="13591" name="Text Box 279"/>
          <xdr:cNvSpPr txBox="1">
            <a:spLocks noChangeArrowheads="1"/>
          </xdr:cNvSpPr>
        </xdr:nvSpPr>
        <xdr:spPr bwMode="auto">
          <a:xfrm>
            <a:off x="2" y="134"/>
            <a:ext cx="431" cy="34"/>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400" b="0" i="0" u="none" strike="noStrike" baseline="0">
                <a:solidFill>
                  <a:srgbClr val="000000"/>
                </a:solidFill>
                <a:latin typeface="ＭＳ Ｐゴシック"/>
                <a:ea typeface="ＭＳ Ｐゴシック"/>
              </a:rPr>
              <a:t>工事名：</a:t>
            </a:r>
          </a:p>
        </xdr:txBody>
      </xdr:sp>
      <xdr:sp macro="" textlink="">
        <xdr:nvSpPr>
          <xdr:cNvPr id="13758" name="Line 280"/>
          <xdr:cNvSpPr>
            <a:spLocks noChangeShapeType="1"/>
          </xdr:cNvSpPr>
        </xdr:nvSpPr>
        <xdr:spPr bwMode="auto">
          <a:xfrm>
            <a:off x="2" y="157"/>
            <a:ext cx="431"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wsDr>
</file>

<file path=xl/drawings/drawing6.xml><?xml version="1.0" encoding="utf-8"?>
<xdr:wsDr xmlns:xdr="http://schemas.openxmlformats.org/drawingml/2006/spreadsheetDrawing" xmlns:a="http://schemas.openxmlformats.org/drawingml/2006/main">
  <xdr:twoCellAnchor>
    <xdr:from>
      <xdr:col>9</xdr:col>
      <xdr:colOff>198120</xdr:colOff>
      <xdr:row>2</xdr:row>
      <xdr:rowOff>53340</xdr:rowOff>
    </xdr:from>
    <xdr:to>
      <xdr:col>9</xdr:col>
      <xdr:colOff>1981200</xdr:colOff>
      <xdr:row>3</xdr:row>
      <xdr:rowOff>152400</xdr:rowOff>
    </xdr:to>
    <xdr:grpSp>
      <xdr:nvGrpSpPr>
        <xdr:cNvPr id="19637" name="Group 10"/>
        <xdr:cNvGrpSpPr>
          <a:grpSpLocks/>
        </xdr:cNvGrpSpPr>
      </xdr:nvGrpSpPr>
      <xdr:grpSpPr bwMode="auto">
        <a:xfrm>
          <a:off x="7604760" y="388620"/>
          <a:ext cx="1783080" cy="266700"/>
          <a:chOff x="697" y="35"/>
          <a:chExt cx="208" cy="28"/>
        </a:xfrm>
      </xdr:grpSpPr>
      <xdr:sp macro="" textlink="">
        <xdr:nvSpPr>
          <xdr:cNvPr id="19467" name="Text Box 11"/>
          <xdr:cNvSpPr txBox="1">
            <a:spLocks noChangeArrowheads="1"/>
          </xdr:cNvSpPr>
        </xdr:nvSpPr>
        <xdr:spPr bwMode="auto">
          <a:xfrm>
            <a:off x="697" y="35"/>
            <a:ext cx="207" cy="28"/>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100" b="0" i="0" u="none" strike="noStrike" baseline="0">
                <a:solidFill>
                  <a:srgbClr val="000000"/>
                </a:solidFill>
                <a:latin typeface="ＭＳ Ｐゴシック"/>
                <a:ea typeface="ＭＳ Ｐゴシック"/>
              </a:rPr>
              <a:t>提出年月日：　　　．　　　　．　　　</a:t>
            </a:r>
          </a:p>
        </xdr:txBody>
      </xdr:sp>
      <xdr:sp macro="" textlink="">
        <xdr:nvSpPr>
          <xdr:cNvPr id="19642" name="Line 12"/>
          <xdr:cNvSpPr>
            <a:spLocks noChangeShapeType="1"/>
          </xdr:cNvSpPr>
        </xdr:nvSpPr>
        <xdr:spPr bwMode="auto">
          <a:xfrm>
            <a:off x="697" y="57"/>
            <a:ext cx="208"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twoCellAnchor>
    <xdr:from>
      <xdr:col>0</xdr:col>
      <xdr:colOff>0</xdr:colOff>
      <xdr:row>6</xdr:row>
      <xdr:rowOff>38100</xdr:rowOff>
    </xdr:from>
    <xdr:to>
      <xdr:col>2</xdr:col>
      <xdr:colOff>2118360</xdr:colOff>
      <xdr:row>8</xdr:row>
      <xdr:rowOff>15240</xdr:rowOff>
    </xdr:to>
    <xdr:grpSp>
      <xdr:nvGrpSpPr>
        <xdr:cNvPr id="19638" name="Group 16"/>
        <xdr:cNvGrpSpPr>
          <a:grpSpLocks/>
        </xdr:cNvGrpSpPr>
      </xdr:nvGrpSpPr>
      <xdr:grpSpPr bwMode="auto">
        <a:xfrm>
          <a:off x="0" y="1043940"/>
          <a:ext cx="3695700" cy="312420"/>
          <a:chOff x="2" y="134"/>
          <a:chExt cx="431" cy="34"/>
        </a:xfrm>
      </xdr:grpSpPr>
      <xdr:sp macro="" textlink="">
        <xdr:nvSpPr>
          <xdr:cNvPr id="19473" name="Text Box 17"/>
          <xdr:cNvSpPr txBox="1">
            <a:spLocks noChangeArrowheads="1"/>
          </xdr:cNvSpPr>
        </xdr:nvSpPr>
        <xdr:spPr bwMode="auto">
          <a:xfrm>
            <a:off x="2" y="134"/>
            <a:ext cx="431" cy="34"/>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400" b="0" i="0" u="none" strike="noStrike" baseline="0">
                <a:solidFill>
                  <a:srgbClr val="000000"/>
                </a:solidFill>
                <a:latin typeface="ＭＳ Ｐゴシック"/>
                <a:ea typeface="ＭＳ Ｐゴシック"/>
              </a:rPr>
              <a:t>工事名：</a:t>
            </a:r>
          </a:p>
        </xdr:txBody>
      </xdr:sp>
      <xdr:sp macro="" textlink="">
        <xdr:nvSpPr>
          <xdr:cNvPr id="19640" name="Line 18"/>
          <xdr:cNvSpPr>
            <a:spLocks noChangeShapeType="1"/>
          </xdr:cNvSpPr>
        </xdr:nvSpPr>
        <xdr:spPr bwMode="auto">
          <a:xfrm>
            <a:off x="2" y="157"/>
            <a:ext cx="431"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wsDr>
</file>

<file path=xl/drawings/drawing7.xml><?xml version="1.0" encoding="utf-8"?>
<xdr:wsDr xmlns:xdr="http://schemas.openxmlformats.org/drawingml/2006/spreadsheetDrawing" xmlns:a="http://schemas.openxmlformats.org/drawingml/2006/main">
  <xdr:twoCellAnchor>
    <xdr:from>
      <xdr:col>9</xdr:col>
      <xdr:colOff>198120</xdr:colOff>
      <xdr:row>2</xdr:row>
      <xdr:rowOff>53340</xdr:rowOff>
    </xdr:from>
    <xdr:to>
      <xdr:col>9</xdr:col>
      <xdr:colOff>1981200</xdr:colOff>
      <xdr:row>3</xdr:row>
      <xdr:rowOff>152400</xdr:rowOff>
    </xdr:to>
    <xdr:grpSp>
      <xdr:nvGrpSpPr>
        <xdr:cNvPr id="18601" name="Group 1"/>
        <xdr:cNvGrpSpPr>
          <a:grpSpLocks/>
        </xdr:cNvGrpSpPr>
      </xdr:nvGrpSpPr>
      <xdr:grpSpPr bwMode="auto">
        <a:xfrm>
          <a:off x="7604760" y="388620"/>
          <a:ext cx="1783080" cy="266700"/>
          <a:chOff x="697" y="35"/>
          <a:chExt cx="208" cy="28"/>
        </a:xfrm>
      </xdr:grpSpPr>
      <xdr:sp macro="" textlink="">
        <xdr:nvSpPr>
          <xdr:cNvPr id="18434" name="Text Box 2"/>
          <xdr:cNvSpPr txBox="1">
            <a:spLocks noChangeArrowheads="1"/>
          </xdr:cNvSpPr>
        </xdr:nvSpPr>
        <xdr:spPr bwMode="auto">
          <a:xfrm>
            <a:off x="697" y="35"/>
            <a:ext cx="207" cy="28"/>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100" b="0" i="0" u="none" strike="noStrike" baseline="0">
                <a:solidFill>
                  <a:srgbClr val="000000"/>
                </a:solidFill>
                <a:latin typeface="ＭＳ Ｐゴシック"/>
                <a:ea typeface="ＭＳ Ｐゴシック"/>
              </a:rPr>
              <a:t>提出年月日：　　　．　　　　．　　　</a:t>
            </a:r>
          </a:p>
        </xdr:txBody>
      </xdr:sp>
      <xdr:sp macro="" textlink="">
        <xdr:nvSpPr>
          <xdr:cNvPr id="18606" name="Line 3"/>
          <xdr:cNvSpPr>
            <a:spLocks noChangeShapeType="1"/>
          </xdr:cNvSpPr>
        </xdr:nvSpPr>
        <xdr:spPr bwMode="auto">
          <a:xfrm>
            <a:off x="697" y="57"/>
            <a:ext cx="208"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twoCellAnchor>
    <xdr:from>
      <xdr:col>0</xdr:col>
      <xdr:colOff>0</xdr:colOff>
      <xdr:row>6</xdr:row>
      <xdr:rowOff>38100</xdr:rowOff>
    </xdr:from>
    <xdr:to>
      <xdr:col>2</xdr:col>
      <xdr:colOff>2118360</xdr:colOff>
      <xdr:row>8</xdr:row>
      <xdr:rowOff>15240</xdr:rowOff>
    </xdr:to>
    <xdr:grpSp>
      <xdr:nvGrpSpPr>
        <xdr:cNvPr id="18602" name="Group 4"/>
        <xdr:cNvGrpSpPr>
          <a:grpSpLocks/>
        </xdr:cNvGrpSpPr>
      </xdr:nvGrpSpPr>
      <xdr:grpSpPr bwMode="auto">
        <a:xfrm>
          <a:off x="0" y="1043940"/>
          <a:ext cx="3695700" cy="312420"/>
          <a:chOff x="2" y="134"/>
          <a:chExt cx="431" cy="34"/>
        </a:xfrm>
      </xdr:grpSpPr>
      <xdr:sp macro="" textlink="">
        <xdr:nvSpPr>
          <xdr:cNvPr id="18437" name="Text Box 5"/>
          <xdr:cNvSpPr txBox="1">
            <a:spLocks noChangeArrowheads="1"/>
          </xdr:cNvSpPr>
        </xdr:nvSpPr>
        <xdr:spPr bwMode="auto">
          <a:xfrm>
            <a:off x="2" y="134"/>
            <a:ext cx="431" cy="34"/>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400" b="0" i="0" u="none" strike="noStrike" baseline="0">
                <a:solidFill>
                  <a:srgbClr val="000000"/>
                </a:solidFill>
                <a:latin typeface="ＭＳ Ｐゴシック"/>
                <a:ea typeface="ＭＳ Ｐゴシック"/>
              </a:rPr>
              <a:t>工事名：</a:t>
            </a:r>
          </a:p>
        </xdr:txBody>
      </xdr:sp>
      <xdr:sp macro="" textlink="">
        <xdr:nvSpPr>
          <xdr:cNvPr id="18604" name="Line 6"/>
          <xdr:cNvSpPr>
            <a:spLocks noChangeShapeType="1"/>
          </xdr:cNvSpPr>
        </xdr:nvSpPr>
        <xdr:spPr bwMode="auto">
          <a:xfrm>
            <a:off x="2" y="157"/>
            <a:ext cx="431"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wsDr>
</file>

<file path=xl/drawings/drawing8.xml><?xml version="1.0" encoding="utf-8"?>
<xdr:wsDr xmlns:xdr="http://schemas.openxmlformats.org/drawingml/2006/spreadsheetDrawing" xmlns:a="http://schemas.openxmlformats.org/drawingml/2006/main">
  <xdr:twoCellAnchor>
    <xdr:from>
      <xdr:col>9</xdr:col>
      <xdr:colOff>198120</xdr:colOff>
      <xdr:row>2</xdr:row>
      <xdr:rowOff>53340</xdr:rowOff>
    </xdr:from>
    <xdr:to>
      <xdr:col>9</xdr:col>
      <xdr:colOff>1981200</xdr:colOff>
      <xdr:row>3</xdr:row>
      <xdr:rowOff>152400</xdr:rowOff>
    </xdr:to>
    <xdr:grpSp>
      <xdr:nvGrpSpPr>
        <xdr:cNvPr id="20649" name="Group 1"/>
        <xdr:cNvGrpSpPr>
          <a:grpSpLocks/>
        </xdr:cNvGrpSpPr>
      </xdr:nvGrpSpPr>
      <xdr:grpSpPr bwMode="auto">
        <a:xfrm>
          <a:off x="7604760" y="388620"/>
          <a:ext cx="1783080" cy="266700"/>
          <a:chOff x="697" y="35"/>
          <a:chExt cx="208" cy="28"/>
        </a:xfrm>
      </xdr:grpSpPr>
      <xdr:sp macro="" textlink="">
        <xdr:nvSpPr>
          <xdr:cNvPr id="20482" name="Text Box 2"/>
          <xdr:cNvSpPr txBox="1">
            <a:spLocks noChangeArrowheads="1"/>
          </xdr:cNvSpPr>
        </xdr:nvSpPr>
        <xdr:spPr bwMode="auto">
          <a:xfrm>
            <a:off x="697" y="35"/>
            <a:ext cx="207" cy="28"/>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100" b="0" i="0" u="none" strike="noStrike" baseline="0">
                <a:solidFill>
                  <a:srgbClr val="000000"/>
                </a:solidFill>
                <a:latin typeface="ＭＳ Ｐゴシック"/>
                <a:ea typeface="ＭＳ Ｐゴシック"/>
              </a:rPr>
              <a:t>提出年月日：　　　．　　　　．　　　</a:t>
            </a:r>
          </a:p>
        </xdr:txBody>
      </xdr:sp>
      <xdr:sp macro="" textlink="">
        <xdr:nvSpPr>
          <xdr:cNvPr id="20654" name="Line 3"/>
          <xdr:cNvSpPr>
            <a:spLocks noChangeShapeType="1"/>
          </xdr:cNvSpPr>
        </xdr:nvSpPr>
        <xdr:spPr bwMode="auto">
          <a:xfrm>
            <a:off x="697" y="57"/>
            <a:ext cx="208"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twoCellAnchor>
    <xdr:from>
      <xdr:col>0</xdr:col>
      <xdr:colOff>0</xdr:colOff>
      <xdr:row>6</xdr:row>
      <xdr:rowOff>38100</xdr:rowOff>
    </xdr:from>
    <xdr:to>
      <xdr:col>2</xdr:col>
      <xdr:colOff>2118360</xdr:colOff>
      <xdr:row>8</xdr:row>
      <xdr:rowOff>15240</xdr:rowOff>
    </xdr:to>
    <xdr:grpSp>
      <xdr:nvGrpSpPr>
        <xdr:cNvPr id="20650" name="Group 4"/>
        <xdr:cNvGrpSpPr>
          <a:grpSpLocks/>
        </xdr:cNvGrpSpPr>
      </xdr:nvGrpSpPr>
      <xdr:grpSpPr bwMode="auto">
        <a:xfrm>
          <a:off x="0" y="1043940"/>
          <a:ext cx="3695700" cy="312420"/>
          <a:chOff x="2" y="134"/>
          <a:chExt cx="431" cy="34"/>
        </a:xfrm>
      </xdr:grpSpPr>
      <xdr:sp macro="" textlink="">
        <xdr:nvSpPr>
          <xdr:cNvPr id="20485" name="Text Box 5"/>
          <xdr:cNvSpPr txBox="1">
            <a:spLocks noChangeArrowheads="1"/>
          </xdr:cNvSpPr>
        </xdr:nvSpPr>
        <xdr:spPr bwMode="auto">
          <a:xfrm>
            <a:off x="2" y="134"/>
            <a:ext cx="431" cy="34"/>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400" b="0" i="0" u="none" strike="noStrike" baseline="0">
                <a:solidFill>
                  <a:srgbClr val="000000"/>
                </a:solidFill>
                <a:latin typeface="ＭＳ Ｐゴシック"/>
                <a:ea typeface="ＭＳ Ｐゴシック"/>
              </a:rPr>
              <a:t>工事名：</a:t>
            </a:r>
          </a:p>
        </xdr:txBody>
      </xdr:sp>
      <xdr:sp macro="" textlink="">
        <xdr:nvSpPr>
          <xdr:cNvPr id="20652" name="Line 6"/>
          <xdr:cNvSpPr>
            <a:spLocks noChangeShapeType="1"/>
          </xdr:cNvSpPr>
        </xdr:nvSpPr>
        <xdr:spPr bwMode="auto">
          <a:xfrm>
            <a:off x="2" y="157"/>
            <a:ext cx="431"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wsDr>
</file>

<file path=xl/drawings/drawing9.xml><?xml version="1.0" encoding="utf-8"?>
<xdr:wsDr xmlns:xdr="http://schemas.openxmlformats.org/drawingml/2006/spreadsheetDrawing" xmlns:a="http://schemas.openxmlformats.org/drawingml/2006/main">
  <xdr:twoCellAnchor>
    <xdr:from>
      <xdr:col>9</xdr:col>
      <xdr:colOff>198120</xdr:colOff>
      <xdr:row>2</xdr:row>
      <xdr:rowOff>53340</xdr:rowOff>
    </xdr:from>
    <xdr:to>
      <xdr:col>9</xdr:col>
      <xdr:colOff>1981200</xdr:colOff>
      <xdr:row>3</xdr:row>
      <xdr:rowOff>152400</xdr:rowOff>
    </xdr:to>
    <xdr:grpSp>
      <xdr:nvGrpSpPr>
        <xdr:cNvPr id="21673" name="Group 1"/>
        <xdr:cNvGrpSpPr>
          <a:grpSpLocks/>
        </xdr:cNvGrpSpPr>
      </xdr:nvGrpSpPr>
      <xdr:grpSpPr bwMode="auto">
        <a:xfrm>
          <a:off x="7604760" y="388620"/>
          <a:ext cx="1783080" cy="266700"/>
          <a:chOff x="697" y="35"/>
          <a:chExt cx="208" cy="28"/>
        </a:xfrm>
      </xdr:grpSpPr>
      <xdr:sp macro="" textlink="">
        <xdr:nvSpPr>
          <xdr:cNvPr id="21506" name="Text Box 2"/>
          <xdr:cNvSpPr txBox="1">
            <a:spLocks noChangeArrowheads="1"/>
          </xdr:cNvSpPr>
        </xdr:nvSpPr>
        <xdr:spPr bwMode="auto">
          <a:xfrm>
            <a:off x="697" y="35"/>
            <a:ext cx="207" cy="28"/>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100" b="0" i="0" u="none" strike="noStrike" baseline="0">
                <a:solidFill>
                  <a:srgbClr val="000000"/>
                </a:solidFill>
                <a:latin typeface="ＭＳ Ｐゴシック"/>
                <a:ea typeface="ＭＳ Ｐゴシック"/>
              </a:rPr>
              <a:t>提出年月日：　　　．　　　　．　　　</a:t>
            </a:r>
          </a:p>
        </xdr:txBody>
      </xdr:sp>
      <xdr:sp macro="" textlink="">
        <xdr:nvSpPr>
          <xdr:cNvPr id="21678" name="Line 3"/>
          <xdr:cNvSpPr>
            <a:spLocks noChangeShapeType="1"/>
          </xdr:cNvSpPr>
        </xdr:nvSpPr>
        <xdr:spPr bwMode="auto">
          <a:xfrm>
            <a:off x="697" y="57"/>
            <a:ext cx="208"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twoCellAnchor>
    <xdr:from>
      <xdr:col>0</xdr:col>
      <xdr:colOff>0</xdr:colOff>
      <xdr:row>6</xdr:row>
      <xdr:rowOff>38100</xdr:rowOff>
    </xdr:from>
    <xdr:to>
      <xdr:col>2</xdr:col>
      <xdr:colOff>2118360</xdr:colOff>
      <xdr:row>8</xdr:row>
      <xdr:rowOff>15240</xdr:rowOff>
    </xdr:to>
    <xdr:grpSp>
      <xdr:nvGrpSpPr>
        <xdr:cNvPr id="21674" name="Group 4"/>
        <xdr:cNvGrpSpPr>
          <a:grpSpLocks/>
        </xdr:cNvGrpSpPr>
      </xdr:nvGrpSpPr>
      <xdr:grpSpPr bwMode="auto">
        <a:xfrm>
          <a:off x="0" y="1043940"/>
          <a:ext cx="3695700" cy="312420"/>
          <a:chOff x="2" y="134"/>
          <a:chExt cx="431" cy="34"/>
        </a:xfrm>
      </xdr:grpSpPr>
      <xdr:sp macro="" textlink="">
        <xdr:nvSpPr>
          <xdr:cNvPr id="21509" name="Text Box 5"/>
          <xdr:cNvSpPr txBox="1">
            <a:spLocks noChangeArrowheads="1"/>
          </xdr:cNvSpPr>
        </xdr:nvSpPr>
        <xdr:spPr bwMode="auto">
          <a:xfrm>
            <a:off x="2" y="134"/>
            <a:ext cx="431" cy="34"/>
          </a:xfrm>
          <a:prstGeom prst="rect">
            <a:avLst/>
          </a:prstGeom>
          <a:noFill/>
          <a:ln>
            <a:noFill/>
          </a:ln>
          <a:effectLst/>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lgn="ctr">
                <a:solidFill>
                  <a:srgbClr xmlns:mc="http://schemas.openxmlformats.org/markup-compatibility/2006" val="000000" mc:Ignorable="a14" a14:legacySpreadsheetColorIndex="64"/>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36576" tIns="22860" rIns="0" bIns="0" anchor="t" upright="1"/>
          <a:lstStyle/>
          <a:p>
            <a:pPr algn="l" rtl="0">
              <a:defRPr sz="1000"/>
            </a:pPr>
            <a:r>
              <a:rPr lang="ja-JP" altLang="en-US" sz="1400" b="0" i="0" u="none" strike="noStrike" baseline="0">
                <a:solidFill>
                  <a:srgbClr val="000000"/>
                </a:solidFill>
                <a:latin typeface="ＭＳ Ｐゴシック"/>
                <a:ea typeface="ＭＳ Ｐゴシック"/>
              </a:rPr>
              <a:t>工事名：</a:t>
            </a:r>
          </a:p>
        </xdr:txBody>
      </xdr:sp>
      <xdr:sp macro="" textlink="">
        <xdr:nvSpPr>
          <xdr:cNvPr id="21676" name="Line 6"/>
          <xdr:cNvSpPr>
            <a:spLocks noChangeShapeType="1"/>
          </xdr:cNvSpPr>
        </xdr:nvSpPr>
        <xdr:spPr bwMode="auto">
          <a:xfrm>
            <a:off x="2" y="157"/>
            <a:ext cx="431" cy="0"/>
          </a:xfrm>
          <a:prstGeom prst="line">
            <a:avLst/>
          </a:prstGeom>
          <a:noFill/>
          <a:ln w="9525">
            <a:solidFill>
              <a:srgbClr xmlns:mc="http://schemas.openxmlformats.org/markup-compatibility/2006" xmlns:a14="http://schemas.microsoft.com/office/drawing/2010/main" val="000000" mc:Ignorable="a14" a14:legacySpreadsheetColorIndex="64"/>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xdr:spPr>
      </xdr: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410000" mc:Ignorable="a14" a14:legacySpreadsheetColorIndex="65"/>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4:I74"/>
  <sheetViews>
    <sheetView view="pageBreakPreview" topLeftCell="A13" zoomScaleNormal="100" workbookViewId="0">
      <selection activeCell="G29" sqref="G29"/>
    </sheetView>
  </sheetViews>
  <sheetFormatPr defaultRowHeight="13.2"/>
  <cols>
    <col min="1" max="1" width="7.6640625" customWidth="1"/>
    <col min="2" max="2" width="11.6640625" customWidth="1"/>
    <col min="8" max="8" width="11.6640625" customWidth="1"/>
    <col min="9" max="9" width="4.6640625" customWidth="1"/>
  </cols>
  <sheetData>
    <row r="14" spans="1:9" ht="24" customHeight="1">
      <c r="A14" s="25" t="s">
        <v>448</v>
      </c>
      <c r="B14" s="2"/>
      <c r="C14" s="2"/>
      <c r="D14" s="2"/>
      <c r="E14" s="2"/>
      <c r="F14" s="2"/>
      <c r="G14" s="2"/>
      <c r="H14" s="2"/>
      <c r="I14" s="2"/>
    </row>
    <row r="21" spans="3:7" ht="13.5" customHeight="1">
      <c r="C21" s="116"/>
      <c r="D21" s="116"/>
      <c r="E21" s="116"/>
      <c r="F21" s="116"/>
      <c r="G21" s="116"/>
    </row>
    <row r="22" spans="3:7" ht="13.5" customHeight="1">
      <c r="C22" s="116"/>
      <c r="D22" s="116"/>
      <c r="E22" s="116"/>
      <c r="F22" s="116"/>
      <c r="G22" s="116"/>
    </row>
    <row r="23" spans="3:7" ht="13.5" customHeight="1">
      <c r="C23" s="116"/>
      <c r="D23" s="116"/>
      <c r="E23" s="116"/>
      <c r="F23" s="116"/>
      <c r="G23" s="116"/>
    </row>
    <row r="24" spans="3:7" ht="13.5" customHeight="1">
      <c r="C24" s="116"/>
      <c r="D24" s="116"/>
      <c r="E24" s="116"/>
      <c r="F24" s="116"/>
      <c r="G24" s="116"/>
    </row>
    <row r="25" spans="3:7" ht="13.5" customHeight="1">
      <c r="C25" s="116"/>
      <c r="D25" s="116"/>
      <c r="E25" s="116"/>
      <c r="F25" s="116"/>
      <c r="G25" s="116"/>
    </row>
    <row r="29" spans="3:7" ht="12" customHeight="1"/>
    <row r="38" spans="1:9" ht="24.9" customHeight="1">
      <c r="A38" s="255" t="s">
        <v>488</v>
      </c>
      <c r="B38" s="256"/>
      <c r="C38" s="256"/>
      <c r="D38" s="256"/>
      <c r="E38" s="256"/>
      <c r="F38" s="256"/>
      <c r="G38" s="256"/>
      <c r="H38" s="256"/>
      <c r="I38" s="256"/>
    </row>
    <row r="39" spans="1:9" ht="13.5" customHeight="1">
      <c r="A39" s="5"/>
      <c r="D39" s="6"/>
      <c r="E39" s="4"/>
      <c r="F39" s="2"/>
      <c r="G39" s="2"/>
      <c r="H39" s="2"/>
      <c r="I39" s="2"/>
    </row>
    <row r="40" spans="1:9" ht="13.5" customHeight="1">
      <c r="A40" s="5"/>
      <c r="D40" s="6"/>
      <c r="E40" s="4"/>
      <c r="F40" s="2"/>
      <c r="G40" s="2"/>
      <c r="H40" s="2"/>
      <c r="I40" s="2"/>
    </row>
    <row r="41" spans="1:9" ht="13.5" customHeight="1">
      <c r="A41" s="5"/>
      <c r="D41" s="6"/>
      <c r="E41" s="4"/>
      <c r="F41" s="2"/>
      <c r="G41" s="2"/>
      <c r="H41" s="2"/>
      <c r="I41" s="2"/>
    </row>
    <row r="42" spans="1:9" ht="13.5" customHeight="1"/>
    <row r="43" spans="1:9" ht="24.9" customHeight="1">
      <c r="A43" s="255" t="s">
        <v>102</v>
      </c>
      <c r="B43" s="255"/>
      <c r="C43" s="255"/>
      <c r="D43" s="255"/>
      <c r="E43" s="255"/>
      <c r="F43" s="255"/>
      <c r="G43" s="255"/>
      <c r="H43" s="255"/>
      <c r="I43" s="255"/>
    </row>
    <row r="44" spans="1:9" ht="24.9" customHeight="1">
      <c r="A44" s="255" t="s">
        <v>446</v>
      </c>
      <c r="B44" s="255"/>
      <c r="C44" s="255"/>
      <c r="D44" s="255"/>
      <c r="E44" s="255"/>
      <c r="F44" s="255"/>
      <c r="G44" s="255"/>
      <c r="H44" s="255"/>
      <c r="I44" s="255"/>
    </row>
    <row r="45" spans="1:9" ht="20.25" customHeight="1">
      <c r="A45" s="3"/>
      <c r="B45" s="3"/>
      <c r="C45" s="3"/>
      <c r="D45" s="3"/>
      <c r="E45" s="3"/>
      <c r="F45" s="3"/>
      <c r="G45" s="3"/>
      <c r="H45" s="3"/>
      <c r="I45" s="3"/>
    </row>
    <row r="48" spans="1:9" ht="25.8">
      <c r="A48" s="254" t="s">
        <v>116</v>
      </c>
      <c r="B48" s="254"/>
      <c r="C48" s="254"/>
      <c r="D48" s="254"/>
      <c r="E48" s="254"/>
      <c r="F48" s="254"/>
      <c r="G48" s="254"/>
      <c r="H48" s="254"/>
      <c r="I48" s="254"/>
    </row>
    <row r="49" spans="1:9" ht="35.25" customHeight="1">
      <c r="A49" s="68"/>
      <c r="B49" s="68"/>
      <c r="C49" s="68"/>
      <c r="D49" s="68"/>
      <c r="E49" s="68"/>
      <c r="F49" s="68"/>
      <c r="G49" s="68"/>
      <c r="H49" s="68"/>
      <c r="I49" s="68"/>
    </row>
    <row r="50" spans="1:9" ht="34.5" customHeight="1">
      <c r="A50" s="68"/>
      <c r="B50" s="68"/>
      <c r="C50" s="68"/>
      <c r="D50" s="68"/>
      <c r="E50" s="68"/>
      <c r="F50" s="68"/>
      <c r="G50" s="68"/>
      <c r="H50" s="68"/>
      <c r="I50" s="68"/>
    </row>
    <row r="51" spans="1:9" ht="15.9" customHeight="1">
      <c r="A51" s="68"/>
      <c r="B51" s="35" t="s">
        <v>225</v>
      </c>
      <c r="C51" s="35"/>
      <c r="D51" s="68"/>
      <c r="E51" s="68"/>
      <c r="F51" s="68"/>
      <c r="G51" s="68"/>
      <c r="H51" s="68"/>
      <c r="I51" s="68">
        <v>1</v>
      </c>
    </row>
    <row r="52" spans="1:9" ht="15.9" customHeight="1">
      <c r="A52" s="68"/>
      <c r="B52" s="35"/>
      <c r="C52" s="35"/>
      <c r="D52" s="68"/>
      <c r="E52" s="68"/>
      <c r="F52" s="68"/>
      <c r="G52" s="68"/>
      <c r="H52" s="68"/>
      <c r="I52" s="68"/>
    </row>
    <row r="53" spans="1:9" ht="18.75" customHeight="1">
      <c r="A53" s="68"/>
      <c r="B53" s="35" t="s">
        <v>114</v>
      </c>
      <c r="C53" s="35"/>
      <c r="D53" s="68"/>
      <c r="E53" s="68"/>
      <c r="F53" s="68"/>
      <c r="G53" s="68"/>
      <c r="H53" s="68"/>
      <c r="I53" s="68">
        <v>2</v>
      </c>
    </row>
    <row r="54" spans="1:9" ht="20.100000000000001" customHeight="1">
      <c r="A54" s="68"/>
      <c r="B54" s="61" t="s">
        <v>111</v>
      </c>
      <c r="C54" s="35"/>
      <c r="D54" s="68"/>
      <c r="E54" s="68"/>
      <c r="F54" s="68"/>
      <c r="G54" s="68"/>
      <c r="H54" s="68"/>
      <c r="I54" s="68">
        <v>2</v>
      </c>
    </row>
    <row r="55" spans="1:9" ht="20.100000000000001" customHeight="1">
      <c r="A55" s="68"/>
      <c r="B55" s="61" t="s">
        <v>462</v>
      </c>
      <c r="C55" s="35"/>
      <c r="D55" s="68"/>
      <c r="E55" s="68"/>
      <c r="F55" s="68"/>
      <c r="G55" s="68"/>
      <c r="H55" s="68"/>
      <c r="I55" s="68">
        <v>3</v>
      </c>
    </row>
    <row r="56" spans="1:9" ht="20.100000000000001" customHeight="1">
      <c r="A56" s="68"/>
      <c r="B56" s="61" t="s">
        <v>115</v>
      </c>
      <c r="C56" s="35"/>
      <c r="D56" s="68"/>
      <c r="E56" s="68"/>
      <c r="F56" s="68"/>
      <c r="G56" s="68"/>
      <c r="H56" s="68"/>
      <c r="I56" s="68">
        <v>5</v>
      </c>
    </row>
    <row r="57" spans="1:9" ht="20.100000000000001" customHeight="1">
      <c r="A57" s="68"/>
      <c r="B57" s="61" t="s">
        <v>95</v>
      </c>
      <c r="C57" s="35"/>
      <c r="D57" s="68"/>
      <c r="E57" s="68"/>
      <c r="F57" s="68"/>
      <c r="G57" s="68"/>
      <c r="H57" s="68"/>
      <c r="I57" s="68">
        <v>5</v>
      </c>
    </row>
    <row r="58" spans="1:9" ht="20.100000000000001" customHeight="1">
      <c r="A58" s="68"/>
      <c r="B58" s="61"/>
      <c r="C58" s="35"/>
      <c r="D58" s="68"/>
      <c r="E58" s="68"/>
      <c r="F58" s="68"/>
      <c r="G58" s="68"/>
      <c r="H58" s="68"/>
      <c r="I58" s="68"/>
    </row>
    <row r="59" spans="1:9" ht="15.9" customHeight="1">
      <c r="A59" s="68"/>
      <c r="B59" s="35" t="s">
        <v>301</v>
      </c>
      <c r="C59" s="35"/>
      <c r="D59" s="68"/>
      <c r="E59" s="68"/>
      <c r="F59" s="68"/>
      <c r="G59" s="68"/>
      <c r="H59" s="68"/>
      <c r="I59" s="68">
        <v>6</v>
      </c>
    </row>
    <row r="60" spans="1:9" ht="15.9" customHeight="1">
      <c r="A60" s="68"/>
      <c r="B60" s="35"/>
      <c r="C60" s="35"/>
      <c r="D60" s="68"/>
      <c r="E60" s="68"/>
      <c r="F60" s="68"/>
      <c r="G60" s="68"/>
      <c r="H60" s="68"/>
      <c r="I60" s="68"/>
    </row>
    <row r="61" spans="1:9" ht="15.9" customHeight="1">
      <c r="A61" s="68"/>
      <c r="B61" s="35"/>
      <c r="C61" s="35"/>
      <c r="D61" s="68"/>
      <c r="E61" s="68"/>
      <c r="F61" s="68"/>
      <c r="G61" s="68"/>
      <c r="H61" s="68"/>
      <c r="I61" s="68"/>
    </row>
    <row r="62" spans="1:9" ht="15.9" customHeight="1">
      <c r="A62" s="68"/>
      <c r="B62" s="35"/>
      <c r="C62" s="35"/>
      <c r="D62" s="68"/>
      <c r="E62" s="68"/>
      <c r="F62" s="68"/>
      <c r="G62" s="68"/>
      <c r="H62" s="68"/>
      <c r="I62" s="68"/>
    </row>
    <row r="63" spans="1:9" ht="15.9" customHeight="1">
      <c r="A63" s="68"/>
      <c r="B63" s="35"/>
      <c r="C63" s="35"/>
      <c r="D63" s="68"/>
      <c r="E63" s="68"/>
      <c r="F63" s="68"/>
      <c r="G63" s="68"/>
      <c r="H63" s="68"/>
      <c r="I63" s="68"/>
    </row>
    <row r="64" spans="1:9" ht="15.9" customHeight="1">
      <c r="A64" s="68"/>
      <c r="B64" s="35"/>
      <c r="C64" s="35"/>
      <c r="D64" s="68"/>
      <c r="E64" s="68"/>
      <c r="F64" s="68"/>
      <c r="G64" s="68"/>
      <c r="H64" s="68"/>
      <c r="I64" s="68"/>
    </row>
    <row r="65" spans="1:9" ht="15.9" customHeight="1">
      <c r="A65" s="68"/>
      <c r="B65" s="35"/>
      <c r="C65" s="35"/>
      <c r="D65" s="68"/>
      <c r="E65" s="68"/>
      <c r="F65" s="68"/>
      <c r="G65" s="68"/>
      <c r="H65" s="68"/>
      <c r="I65" s="68"/>
    </row>
    <row r="66" spans="1:9" ht="15.9" customHeight="1">
      <c r="A66" s="68"/>
      <c r="B66" s="35"/>
      <c r="C66" s="35"/>
      <c r="D66" s="68"/>
      <c r="E66" s="68"/>
      <c r="F66" s="68"/>
      <c r="G66" s="68"/>
      <c r="H66" s="68"/>
      <c r="I66" s="68"/>
    </row>
    <row r="67" spans="1:9" ht="15.9" customHeight="1">
      <c r="A67" s="68"/>
      <c r="B67" s="69"/>
      <c r="C67" s="35"/>
      <c r="D67" s="68"/>
      <c r="E67" s="68"/>
      <c r="F67" s="68"/>
      <c r="G67" s="68"/>
      <c r="H67" s="68"/>
      <c r="I67" s="68"/>
    </row>
    <row r="68" spans="1:9" ht="15.9" customHeight="1">
      <c r="A68" s="68"/>
      <c r="B68" s="35"/>
      <c r="C68" s="35"/>
      <c r="D68" s="68"/>
      <c r="E68" s="68"/>
      <c r="F68" s="68"/>
      <c r="G68" s="68"/>
      <c r="H68" s="68"/>
      <c r="I68" s="68"/>
    </row>
    <row r="69" spans="1:9" ht="15.9" customHeight="1">
      <c r="A69" s="68"/>
      <c r="B69" s="35"/>
      <c r="C69" s="35"/>
      <c r="D69" s="68"/>
      <c r="E69" s="68"/>
      <c r="F69" s="68"/>
      <c r="G69" s="68"/>
      <c r="H69" s="68"/>
      <c r="I69" s="68"/>
    </row>
    <row r="70" spans="1:9" ht="15.9" customHeight="1">
      <c r="A70" s="68"/>
      <c r="B70" s="69"/>
      <c r="C70" s="35"/>
      <c r="D70" s="68"/>
      <c r="E70" s="68"/>
      <c r="F70" s="68"/>
      <c r="G70" s="68"/>
      <c r="H70" s="68"/>
      <c r="I70" s="68"/>
    </row>
    <row r="71" spans="1:9" ht="15.9" customHeight="1">
      <c r="A71" s="68"/>
      <c r="B71" s="35"/>
      <c r="C71" s="35"/>
      <c r="D71" s="68"/>
      <c r="E71" s="68"/>
      <c r="F71" s="68"/>
      <c r="G71" s="68"/>
      <c r="H71" s="68"/>
      <c r="I71" s="68"/>
    </row>
    <row r="72" spans="1:9" ht="15.9" customHeight="1">
      <c r="A72" s="68"/>
      <c r="B72" s="35"/>
      <c r="C72" s="35"/>
      <c r="D72" s="68"/>
      <c r="E72" s="68"/>
      <c r="F72" s="68"/>
      <c r="G72" s="68"/>
      <c r="H72" s="68"/>
      <c r="I72" s="68"/>
    </row>
    <row r="73" spans="1:9">
      <c r="A73" s="68"/>
      <c r="B73" s="68"/>
      <c r="C73" s="68"/>
      <c r="D73" s="68"/>
      <c r="E73" s="68"/>
      <c r="F73" s="68"/>
      <c r="G73" s="68"/>
      <c r="H73" s="68"/>
      <c r="I73" s="68"/>
    </row>
    <row r="74" spans="1:9" ht="14.4">
      <c r="A74" s="68"/>
      <c r="B74" s="35"/>
      <c r="C74" s="68"/>
      <c r="D74" s="68"/>
      <c r="E74" s="68"/>
      <c r="F74" s="68"/>
      <c r="G74" s="68"/>
      <c r="H74" s="68"/>
      <c r="I74" s="68"/>
    </row>
  </sheetData>
  <mergeCells count="4">
    <mergeCell ref="A48:I48"/>
    <mergeCell ref="A38:I38"/>
    <mergeCell ref="A44:I44"/>
    <mergeCell ref="A43:I43"/>
  </mergeCells>
  <phoneticPr fontId="7"/>
  <printOptions horizontalCentered="1"/>
  <pageMargins left="0.98425196850393704" right="0.78740157480314965" top="0.98425196850393704" bottom="0.98425196850393704" header="0.51181102362204722" footer="0.51181102362204722"/>
  <pageSetup paperSize="9" orientation="portrait" r:id="rId1"/>
  <headerFooter alignWithMargins="0"/>
  <rowBreaks count="1" manualBreakCount="1">
    <brk id="46" max="16383" man="1"/>
  </rowBreaks>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112"/>
  <sheetViews>
    <sheetView view="pageBreakPreview" topLeftCell="A88" zoomScaleNormal="100" workbookViewId="0">
      <selection activeCell="B70" sqref="B70"/>
    </sheetView>
  </sheetViews>
  <sheetFormatPr defaultRowHeight="13.2"/>
  <cols>
    <col min="1" max="1" width="4.88671875" customWidth="1"/>
    <col min="2" max="2" width="18.109375" customWidth="1"/>
    <col min="3" max="3" width="61" customWidth="1"/>
    <col min="4" max="6" width="3.6640625" style="175" customWidth="1"/>
    <col min="7" max="7" width="5.6640625" style="175" customWidth="1"/>
    <col min="8" max="9" width="3.6640625" style="175" customWidth="1"/>
    <col min="10" max="10" width="29" style="119" customWidth="1"/>
  </cols>
  <sheetData>
    <row r="2" spans="1:10" ht="13.5" customHeight="1">
      <c r="B2" s="81"/>
      <c r="G2" s="176"/>
    </row>
    <row r="3" spans="1:10" ht="13.5" customHeight="1">
      <c r="B3" s="81"/>
      <c r="G3" s="176"/>
    </row>
    <row r="4" spans="1:10" ht="13.5" customHeight="1">
      <c r="B4" s="81"/>
    </row>
    <row r="5" spans="1:10" ht="13.5" customHeight="1">
      <c r="B5" s="81"/>
    </row>
    <row r="6" spans="1:10" ht="13.5" customHeight="1">
      <c r="B6" s="81"/>
    </row>
    <row r="7" spans="1:10" ht="13.5" customHeight="1">
      <c r="B7" s="81"/>
    </row>
    <row r="8" spans="1:10" ht="13.5" customHeight="1">
      <c r="B8" s="81"/>
    </row>
    <row r="9" spans="1:10" ht="13.5" customHeight="1">
      <c r="B9" s="81"/>
    </row>
    <row r="10" spans="1:10" ht="13.5" customHeight="1">
      <c r="B10" s="81"/>
    </row>
    <row r="11" spans="1:10" ht="25.2">
      <c r="A11" s="82" t="s">
        <v>471</v>
      </c>
      <c r="B11" s="82"/>
      <c r="C11" s="2"/>
      <c r="D11" s="168"/>
      <c r="E11" s="168"/>
      <c r="F11" s="168"/>
      <c r="G11" s="168"/>
      <c r="H11" s="168"/>
      <c r="I11" s="168"/>
      <c r="J11" s="120"/>
    </row>
    <row r="12" spans="1:10" ht="13.5" customHeight="1">
      <c r="B12" s="81"/>
    </row>
    <row r="13" spans="1:10" ht="13.5" customHeight="1">
      <c r="B13" s="81"/>
    </row>
    <row r="14" spans="1:10" ht="13.5" customHeight="1">
      <c r="B14" s="81"/>
    </row>
    <row r="15" spans="1:10" ht="13.5" customHeight="1">
      <c r="B15" s="81"/>
    </row>
    <row r="16" spans="1:10" ht="13.5" customHeight="1">
      <c r="B16" s="81"/>
    </row>
    <row r="17" spans="2:2" ht="13.5" customHeight="1">
      <c r="B17" s="81"/>
    </row>
    <row r="18" spans="2:2" ht="13.5" customHeight="1">
      <c r="B18" s="81"/>
    </row>
    <row r="19" spans="2:2" ht="13.5" customHeight="1">
      <c r="B19" s="81"/>
    </row>
    <row r="20" spans="2:2" ht="13.5" customHeight="1">
      <c r="B20" s="81"/>
    </row>
    <row r="21" spans="2:2" ht="13.5" customHeight="1">
      <c r="B21" s="81"/>
    </row>
    <row r="22" spans="2:2" ht="13.5" customHeight="1">
      <c r="B22" s="81"/>
    </row>
    <row r="23" spans="2:2" ht="13.5" customHeight="1">
      <c r="B23" s="81"/>
    </row>
    <row r="24" spans="2:2" ht="13.5" customHeight="1">
      <c r="B24" s="81"/>
    </row>
    <row r="25" spans="2:2" ht="13.5" customHeight="1">
      <c r="B25" s="81"/>
    </row>
    <row r="26" spans="2:2" ht="13.5" customHeight="1">
      <c r="B26" s="81"/>
    </row>
    <row r="27" spans="2:2" ht="13.5" customHeight="1">
      <c r="B27" s="81"/>
    </row>
    <row r="28" spans="2:2" ht="13.5" customHeight="1">
      <c r="B28" s="81"/>
    </row>
    <row r="29" spans="2:2" ht="13.5" customHeight="1">
      <c r="B29" s="81"/>
    </row>
    <row r="30" spans="2:2" ht="13.5" customHeight="1">
      <c r="B30" s="81"/>
    </row>
    <row r="31" spans="2:2" ht="13.5" customHeight="1">
      <c r="B31" s="81"/>
    </row>
    <row r="32" spans="2:2" ht="13.5" customHeight="1">
      <c r="B32" s="81"/>
    </row>
    <row r="33" spans="1:10" ht="13.5" customHeight="1">
      <c r="B33" s="81"/>
    </row>
    <row r="34" spans="1:10" ht="13.5" customHeight="1">
      <c r="B34" s="81"/>
    </row>
    <row r="35" spans="1:10" ht="13.5" customHeight="1">
      <c r="B35" s="81"/>
    </row>
    <row r="36" spans="1:10" ht="13.5" customHeight="1">
      <c r="B36" s="81"/>
    </row>
    <row r="37" spans="1:10" ht="13.5" customHeight="1">
      <c r="B37" s="81"/>
    </row>
    <row r="38" spans="1:10" ht="13.5" customHeight="1">
      <c r="B38" s="81"/>
    </row>
    <row r="39" spans="1:10" ht="13.5" customHeight="1">
      <c r="B39" s="81"/>
    </row>
    <row r="40" spans="1:10" ht="13.5" customHeight="1">
      <c r="B40" s="81"/>
    </row>
    <row r="41" spans="1:10" ht="25.2">
      <c r="A41" s="83" t="s">
        <v>300</v>
      </c>
      <c r="B41" s="82"/>
      <c r="C41" s="83"/>
      <c r="D41" s="168"/>
      <c r="E41" s="168"/>
      <c r="F41" s="168"/>
      <c r="G41" s="168"/>
      <c r="H41" s="168"/>
      <c r="I41" s="168"/>
      <c r="J41" s="120"/>
    </row>
    <row r="42" spans="1:10" ht="15" customHeight="1">
      <c r="A42" s="286" t="s">
        <v>196</v>
      </c>
      <c r="B42" s="289" t="s">
        <v>197</v>
      </c>
      <c r="C42" s="286" t="s">
        <v>198</v>
      </c>
      <c r="D42" s="282" t="s">
        <v>389</v>
      </c>
      <c r="E42" s="282"/>
      <c r="F42" s="281" t="s">
        <v>390</v>
      </c>
      <c r="G42" s="281"/>
      <c r="H42" s="281" t="s">
        <v>391</v>
      </c>
      <c r="I42" s="281"/>
      <c r="J42" s="283" t="s">
        <v>96</v>
      </c>
    </row>
    <row r="43" spans="1:10" ht="15" customHeight="1">
      <c r="A43" s="287"/>
      <c r="B43" s="290"/>
      <c r="C43" s="287"/>
      <c r="D43" s="282"/>
      <c r="E43" s="282"/>
      <c r="F43" s="281"/>
      <c r="G43" s="281"/>
      <c r="H43" s="281"/>
      <c r="I43" s="281"/>
      <c r="J43" s="284"/>
    </row>
    <row r="44" spans="1:10" ht="15" customHeight="1">
      <c r="A44" s="288"/>
      <c r="B44" s="291"/>
      <c r="C44" s="288"/>
      <c r="D44" s="169" t="s">
        <v>393</v>
      </c>
      <c r="E44" s="170" t="s">
        <v>394</v>
      </c>
      <c r="F44" s="169" t="s">
        <v>395</v>
      </c>
      <c r="G44" s="171" t="s">
        <v>396</v>
      </c>
      <c r="H44" s="169" t="s">
        <v>393</v>
      </c>
      <c r="I44" s="171" t="s">
        <v>394</v>
      </c>
      <c r="J44" s="285"/>
    </row>
    <row r="45" spans="1:10" ht="15" customHeight="1">
      <c r="A45" s="76"/>
      <c r="B45" s="105" t="s">
        <v>227</v>
      </c>
      <c r="C45" s="77" t="s">
        <v>124</v>
      </c>
      <c r="D45" s="177" t="s">
        <v>3</v>
      </c>
      <c r="E45" s="178" t="s">
        <v>2</v>
      </c>
      <c r="F45" s="177" t="s">
        <v>2</v>
      </c>
      <c r="G45" s="178"/>
      <c r="H45" s="177" t="s">
        <v>2</v>
      </c>
      <c r="I45" s="178" t="s">
        <v>2</v>
      </c>
      <c r="J45" s="121"/>
    </row>
    <row r="46" spans="1:10" ht="15" customHeight="1">
      <c r="A46" s="76"/>
      <c r="B46" s="105"/>
      <c r="C46" s="77" t="s">
        <v>125</v>
      </c>
      <c r="D46" s="179" t="s">
        <v>2</v>
      </c>
      <c r="E46" s="180" t="s">
        <v>2</v>
      </c>
      <c r="F46" s="179" t="s">
        <v>2</v>
      </c>
      <c r="G46" s="180"/>
      <c r="H46" s="179" t="s">
        <v>2</v>
      </c>
      <c r="I46" s="180" t="s">
        <v>2</v>
      </c>
      <c r="J46" s="121"/>
    </row>
    <row r="47" spans="1:10" ht="15" customHeight="1">
      <c r="A47" s="76"/>
      <c r="B47" s="105"/>
      <c r="C47" s="77" t="s">
        <v>126</v>
      </c>
      <c r="D47" s="179" t="s">
        <v>2</v>
      </c>
      <c r="E47" s="180" t="s">
        <v>2</v>
      </c>
      <c r="F47" s="179" t="s">
        <v>2</v>
      </c>
      <c r="G47" s="180"/>
      <c r="H47" s="179" t="s">
        <v>2</v>
      </c>
      <c r="I47" s="180" t="s">
        <v>2</v>
      </c>
      <c r="J47" s="121"/>
    </row>
    <row r="48" spans="1:10" ht="15" customHeight="1">
      <c r="A48" s="76"/>
      <c r="B48" s="105"/>
      <c r="C48" s="77" t="s">
        <v>127</v>
      </c>
      <c r="D48" s="179" t="s">
        <v>2</v>
      </c>
      <c r="E48" s="180" t="s">
        <v>2</v>
      </c>
      <c r="F48" s="179" t="s">
        <v>2</v>
      </c>
      <c r="G48" s="180"/>
      <c r="H48" s="179" t="s">
        <v>2</v>
      </c>
      <c r="I48" s="180" t="s">
        <v>2</v>
      </c>
      <c r="J48" s="121"/>
    </row>
    <row r="49" spans="1:10" ht="15" customHeight="1">
      <c r="A49" s="76"/>
      <c r="B49" s="105"/>
      <c r="C49" s="77"/>
      <c r="D49" s="179"/>
      <c r="E49" s="180"/>
      <c r="F49" s="179"/>
      <c r="G49" s="180"/>
      <c r="H49" s="179"/>
      <c r="I49" s="180"/>
      <c r="J49" s="121"/>
    </row>
    <row r="50" spans="1:10" ht="15" customHeight="1">
      <c r="A50" s="76"/>
      <c r="B50" s="105" t="s">
        <v>228</v>
      </c>
      <c r="C50" s="77" t="s">
        <v>128</v>
      </c>
      <c r="D50" s="179" t="s">
        <v>2</v>
      </c>
      <c r="E50" s="180" t="s">
        <v>2</v>
      </c>
      <c r="F50" s="179" t="s">
        <v>2</v>
      </c>
      <c r="G50" s="180"/>
      <c r="H50" s="179" t="s">
        <v>2</v>
      </c>
      <c r="I50" s="180" t="s">
        <v>2</v>
      </c>
      <c r="J50" s="121"/>
    </row>
    <row r="51" spans="1:10" ht="15" customHeight="1">
      <c r="A51" s="76"/>
      <c r="B51" s="105"/>
      <c r="C51" s="77" t="s">
        <v>129</v>
      </c>
      <c r="D51" s="179" t="s">
        <v>2</v>
      </c>
      <c r="E51" s="180" t="s">
        <v>2</v>
      </c>
      <c r="F51" s="179" t="s">
        <v>2</v>
      </c>
      <c r="G51" s="180"/>
      <c r="H51" s="179" t="s">
        <v>2</v>
      </c>
      <c r="I51" s="180" t="s">
        <v>2</v>
      </c>
      <c r="J51" s="121"/>
    </row>
    <row r="52" spans="1:10" ht="15" customHeight="1">
      <c r="A52" s="76"/>
      <c r="B52" s="105"/>
      <c r="C52" s="77" t="s">
        <v>130</v>
      </c>
      <c r="D52" s="179" t="s">
        <v>2</v>
      </c>
      <c r="E52" s="180" t="s">
        <v>2</v>
      </c>
      <c r="F52" s="179" t="s">
        <v>2</v>
      </c>
      <c r="G52" s="180"/>
      <c r="H52" s="179" t="s">
        <v>2</v>
      </c>
      <c r="I52" s="180" t="s">
        <v>2</v>
      </c>
      <c r="J52" s="121"/>
    </row>
    <row r="53" spans="1:10" ht="15" customHeight="1">
      <c r="A53" s="76"/>
      <c r="B53" s="105"/>
      <c r="C53" s="77" t="s">
        <v>131</v>
      </c>
      <c r="D53" s="179" t="s">
        <v>2</v>
      </c>
      <c r="E53" s="180" t="s">
        <v>2</v>
      </c>
      <c r="F53" s="179" t="s">
        <v>2</v>
      </c>
      <c r="G53" s="180"/>
      <c r="H53" s="179" t="s">
        <v>2</v>
      </c>
      <c r="I53" s="180" t="s">
        <v>2</v>
      </c>
      <c r="J53" s="121"/>
    </row>
    <row r="54" spans="1:10" ht="15" customHeight="1">
      <c r="A54" s="76"/>
      <c r="B54" s="105"/>
      <c r="C54" s="77" t="s">
        <v>132</v>
      </c>
      <c r="D54" s="179" t="s">
        <v>2</v>
      </c>
      <c r="E54" s="180" t="s">
        <v>2</v>
      </c>
      <c r="F54" s="179" t="s">
        <v>2</v>
      </c>
      <c r="G54" s="180"/>
      <c r="H54" s="179" t="s">
        <v>2</v>
      </c>
      <c r="I54" s="180" t="s">
        <v>2</v>
      </c>
      <c r="J54" s="121"/>
    </row>
    <row r="55" spans="1:10" ht="15" customHeight="1">
      <c r="A55" s="76"/>
      <c r="B55" s="105"/>
      <c r="C55" s="77" t="s">
        <v>133</v>
      </c>
      <c r="D55" s="179" t="s">
        <v>2</v>
      </c>
      <c r="E55" s="180" t="s">
        <v>2</v>
      </c>
      <c r="F55" s="179" t="s">
        <v>2</v>
      </c>
      <c r="G55" s="180"/>
      <c r="H55" s="179" t="s">
        <v>2</v>
      </c>
      <c r="I55" s="180" t="s">
        <v>2</v>
      </c>
      <c r="J55" s="121"/>
    </row>
    <row r="56" spans="1:10" ht="15" customHeight="1">
      <c r="A56" s="76"/>
      <c r="B56" s="105"/>
      <c r="C56" s="77" t="s">
        <v>134</v>
      </c>
      <c r="D56" s="179" t="s">
        <v>2</v>
      </c>
      <c r="E56" s="180" t="s">
        <v>2</v>
      </c>
      <c r="F56" s="179" t="s">
        <v>2</v>
      </c>
      <c r="G56" s="180"/>
      <c r="H56" s="179" t="s">
        <v>2</v>
      </c>
      <c r="I56" s="180" t="s">
        <v>2</v>
      </c>
      <c r="J56" s="121"/>
    </row>
    <row r="57" spans="1:10" ht="15" customHeight="1">
      <c r="A57" s="76"/>
      <c r="B57" s="105"/>
      <c r="C57" s="77" t="s">
        <v>135</v>
      </c>
      <c r="D57" s="179" t="s">
        <v>2</v>
      </c>
      <c r="E57" s="180" t="s">
        <v>2</v>
      </c>
      <c r="F57" s="179" t="s">
        <v>2</v>
      </c>
      <c r="G57" s="180"/>
      <c r="H57" s="179" t="s">
        <v>2</v>
      </c>
      <c r="I57" s="180" t="s">
        <v>2</v>
      </c>
      <c r="J57" s="121"/>
    </row>
    <row r="58" spans="1:10" ht="15" customHeight="1">
      <c r="A58" s="76"/>
      <c r="B58" s="105"/>
      <c r="C58" s="77" t="s">
        <v>136</v>
      </c>
      <c r="D58" s="179" t="s">
        <v>2</v>
      </c>
      <c r="E58" s="180" t="s">
        <v>2</v>
      </c>
      <c r="F58" s="179" t="s">
        <v>2</v>
      </c>
      <c r="G58" s="180"/>
      <c r="H58" s="179" t="s">
        <v>2</v>
      </c>
      <c r="I58" s="180" t="s">
        <v>2</v>
      </c>
      <c r="J58" s="121"/>
    </row>
    <row r="59" spans="1:10" ht="15" customHeight="1">
      <c r="A59" s="76"/>
      <c r="B59" s="105"/>
      <c r="C59" s="77"/>
      <c r="D59" s="179"/>
      <c r="E59" s="180"/>
      <c r="F59" s="179"/>
      <c r="G59" s="180"/>
      <c r="H59" s="179"/>
      <c r="I59" s="180"/>
      <c r="J59" s="121"/>
    </row>
    <row r="60" spans="1:10" ht="15" customHeight="1">
      <c r="A60" s="76"/>
      <c r="B60" s="105" t="s">
        <v>281</v>
      </c>
      <c r="C60" s="77" t="s">
        <v>137</v>
      </c>
      <c r="D60" s="179" t="s">
        <v>2</v>
      </c>
      <c r="E60" s="180" t="s">
        <v>2</v>
      </c>
      <c r="F60" s="179" t="s">
        <v>2</v>
      </c>
      <c r="G60" s="180"/>
      <c r="H60" s="179" t="s">
        <v>2</v>
      </c>
      <c r="I60" s="180" t="s">
        <v>2</v>
      </c>
      <c r="J60" s="121"/>
    </row>
    <row r="61" spans="1:10" ht="15" customHeight="1">
      <c r="A61" s="76"/>
      <c r="B61" s="105"/>
      <c r="C61" s="77" t="s">
        <v>138</v>
      </c>
      <c r="D61" s="179" t="s">
        <v>2</v>
      </c>
      <c r="E61" s="180" t="s">
        <v>2</v>
      </c>
      <c r="F61" s="179" t="s">
        <v>2</v>
      </c>
      <c r="G61" s="180"/>
      <c r="H61" s="179" t="s">
        <v>2</v>
      </c>
      <c r="I61" s="180" t="s">
        <v>2</v>
      </c>
      <c r="J61" s="121"/>
    </row>
    <row r="62" spans="1:10" ht="15" customHeight="1">
      <c r="A62" s="76"/>
      <c r="B62" s="105"/>
      <c r="C62" s="77" t="s">
        <v>313</v>
      </c>
      <c r="D62" s="179" t="s">
        <v>2</v>
      </c>
      <c r="E62" s="180" t="s">
        <v>2</v>
      </c>
      <c r="F62" s="179" t="s">
        <v>2</v>
      </c>
      <c r="G62" s="180"/>
      <c r="H62" s="179" t="s">
        <v>2</v>
      </c>
      <c r="I62" s="180" t="s">
        <v>2</v>
      </c>
      <c r="J62" s="121"/>
    </row>
    <row r="63" spans="1:10" ht="15" customHeight="1">
      <c r="A63" s="76"/>
      <c r="B63" s="105"/>
      <c r="C63" s="77" t="s">
        <v>314</v>
      </c>
      <c r="D63" s="179"/>
      <c r="E63" s="180"/>
      <c r="F63" s="179"/>
      <c r="G63" s="180"/>
      <c r="H63" s="179"/>
      <c r="I63" s="180"/>
      <c r="J63" s="121"/>
    </row>
    <row r="64" spans="1:10" ht="15" customHeight="1">
      <c r="A64" s="76"/>
      <c r="B64" s="105"/>
      <c r="C64" s="77"/>
      <c r="D64" s="172"/>
      <c r="E64" s="173"/>
      <c r="F64" s="172"/>
      <c r="G64" s="174"/>
      <c r="H64" s="172"/>
      <c r="I64" s="174"/>
      <c r="J64" s="121"/>
    </row>
    <row r="65" spans="1:10" ht="15" customHeight="1">
      <c r="A65" s="76"/>
      <c r="B65" s="105" t="s">
        <v>107</v>
      </c>
      <c r="C65" s="77" t="s">
        <v>139</v>
      </c>
      <c r="D65" s="179" t="s">
        <v>2</v>
      </c>
      <c r="E65" s="180" t="s">
        <v>2</v>
      </c>
      <c r="F65" s="179" t="s">
        <v>2</v>
      </c>
      <c r="G65" s="180"/>
      <c r="H65" s="179" t="s">
        <v>2</v>
      </c>
      <c r="I65" s="180" t="s">
        <v>2</v>
      </c>
      <c r="J65" s="121"/>
    </row>
    <row r="66" spans="1:10" ht="15" customHeight="1">
      <c r="A66" s="76"/>
      <c r="B66" s="105"/>
      <c r="C66" s="77" t="s">
        <v>140</v>
      </c>
      <c r="D66" s="179" t="s">
        <v>2</v>
      </c>
      <c r="E66" s="180" t="s">
        <v>2</v>
      </c>
      <c r="F66" s="179" t="s">
        <v>2</v>
      </c>
      <c r="G66" s="180"/>
      <c r="H66" s="179" t="s">
        <v>2</v>
      </c>
      <c r="I66" s="180" t="s">
        <v>2</v>
      </c>
      <c r="J66" s="121"/>
    </row>
    <row r="67" spans="1:10" ht="15" customHeight="1">
      <c r="A67" s="76"/>
      <c r="B67" s="105"/>
      <c r="C67" s="77" t="s">
        <v>141</v>
      </c>
      <c r="D67" s="179" t="s">
        <v>2</v>
      </c>
      <c r="E67" s="180" t="s">
        <v>2</v>
      </c>
      <c r="F67" s="179" t="s">
        <v>2</v>
      </c>
      <c r="G67" s="180"/>
      <c r="H67" s="179" t="s">
        <v>2</v>
      </c>
      <c r="I67" s="180" t="s">
        <v>2</v>
      </c>
      <c r="J67" s="121"/>
    </row>
    <row r="68" spans="1:10" ht="15" customHeight="1">
      <c r="A68" s="76"/>
      <c r="B68" s="105"/>
      <c r="C68" s="77"/>
      <c r="D68" s="179"/>
      <c r="E68" s="180"/>
      <c r="F68" s="179"/>
      <c r="G68" s="180"/>
      <c r="H68" s="179"/>
      <c r="I68" s="180"/>
      <c r="J68" s="121"/>
    </row>
    <row r="69" spans="1:10" ht="15" customHeight="1">
      <c r="A69" s="76"/>
      <c r="B69" s="105" t="s">
        <v>231</v>
      </c>
      <c r="C69" s="77" t="s">
        <v>316</v>
      </c>
      <c r="D69" s="179" t="s">
        <v>2</v>
      </c>
      <c r="E69" s="180" t="s">
        <v>2</v>
      </c>
      <c r="F69" s="179" t="s">
        <v>2</v>
      </c>
      <c r="G69" s="180"/>
      <c r="H69" s="179" t="s">
        <v>2</v>
      </c>
      <c r="I69" s="180" t="s">
        <v>2</v>
      </c>
      <c r="J69" s="121"/>
    </row>
    <row r="70" spans="1:10" ht="15" customHeight="1">
      <c r="A70" s="76"/>
      <c r="B70" s="105"/>
      <c r="C70" s="77" t="s">
        <v>143</v>
      </c>
      <c r="D70" s="179" t="s">
        <v>2</v>
      </c>
      <c r="E70" s="180" t="s">
        <v>2</v>
      </c>
      <c r="F70" s="179" t="s">
        <v>2</v>
      </c>
      <c r="G70" s="180"/>
      <c r="H70" s="179" t="s">
        <v>2</v>
      </c>
      <c r="I70" s="180" t="s">
        <v>2</v>
      </c>
      <c r="J70" s="121"/>
    </row>
    <row r="71" spans="1:10" ht="15" customHeight="1">
      <c r="A71" s="76"/>
      <c r="B71" s="105"/>
      <c r="C71" s="77" t="s">
        <v>144</v>
      </c>
      <c r="D71" s="179" t="s">
        <v>2</v>
      </c>
      <c r="E71" s="180" t="s">
        <v>2</v>
      </c>
      <c r="F71" s="179" t="s">
        <v>2</v>
      </c>
      <c r="G71" s="180"/>
      <c r="H71" s="179" t="s">
        <v>2</v>
      </c>
      <c r="I71" s="180" t="s">
        <v>2</v>
      </c>
      <c r="J71" s="121"/>
    </row>
    <row r="72" spans="1:10" ht="15" customHeight="1">
      <c r="A72" s="76"/>
      <c r="B72" s="105"/>
      <c r="C72" s="77"/>
      <c r="D72" s="179"/>
      <c r="E72" s="180"/>
      <c r="F72" s="179"/>
      <c r="G72" s="180"/>
      <c r="H72" s="179"/>
      <c r="I72" s="180"/>
      <c r="J72" s="121"/>
    </row>
    <row r="73" spans="1:10" ht="15" customHeight="1">
      <c r="A73" s="76"/>
      <c r="B73" s="111" t="s">
        <v>145</v>
      </c>
      <c r="C73" s="90" t="s">
        <v>318</v>
      </c>
      <c r="D73" s="179" t="s">
        <v>2</v>
      </c>
      <c r="E73" s="180" t="s">
        <v>2</v>
      </c>
      <c r="F73" s="179" t="s">
        <v>2</v>
      </c>
      <c r="G73" s="180"/>
      <c r="H73" s="179" t="s">
        <v>2</v>
      </c>
      <c r="I73" s="180" t="s">
        <v>2</v>
      </c>
      <c r="J73" s="121"/>
    </row>
    <row r="74" spans="1:10" ht="15" customHeight="1">
      <c r="A74" s="76"/>
      <c r="B74" s="111"/>
      <c r="C74" s="77" t="s">
        <v>80</v>
      </c>
      <c r="D74" s="179"/>
      <c r="E74" s="180"/>
      <c r="F74" s="179"/>
      <c r="G74" s="180"/>
      <c r="H74" s="179"/>
      <c r="I74" s="180"/>
      <c r="J74" s="121"/>
    </row>
    <row r="75" spans="1:10" ht="15" customHeight="1">
      <c r="A75" s="76"/>
      <c r="B75" s="85"/>
      <c r="C75" s="79"/>
      <c r="D75" s="179"/>
      <c r="E75" s="180"/>
      <c r="F75" s="179"/>
      <c r="G75" s="180"/>
      <c r="H75" s="179"/>
      <c r="I75" s="180"/>
      <c r="J75" s="121"/>
    </row>
    <row r="76" spans="1:10" ht="15" customHeight="1">
      <c r="A76" s="80"/>
      <c r="B76" s="86"/>
      <c r="C76" s="80"/>
      <c r="D76" s="181"/>
      <c r="E76" s="182"/>
      <c r="F76" s="181"/>
      <c r="G76" s="182"/>
      <c r="H76" s="181"/>
      <c r="I76" s="182"/>
      <c r="J76" s="122"/>
    </row>
    <row r="77" spans="1:10" ht="25.2">
      <c r="A77" s="83" t="s">
        <v>300</v>
      </c>
      <c r="B77" s="82"/>
      <c r="C77" s="83"/>
      <c r="D77" s="168"/>
      <c r="E77" s="168"/>
      <c r="F77" s="168"/>
      <c r="G77" s="168"/>
      <c r="H77" s="168"/>
      <c r="I77" s="168"/>
      <c r="J77" s="120"/>
    </row>
    <row r="78" spans="1:10" ht="15" customHeight="1">
      <c r="A78" s="286" t="s">
        <v>196</v>
      </c>
      <c r="B78" s="289" t="s">
        <v>197</v>
      </c>
      <c r="C78" s="286" t="s">
        <v>198</v>
      </c>
      <c r="D78" s="282" t="s">
        <v>389</v>
      </c>
      <c r="E78" s="282"/>
      <c r="F78" s="281" t="s">
        <v>390</v>
      </c>
      <c r="G78" s="281"/>
      <c r="H78" s="281" t="s">
        <v>391</v>
      </c>
      <c r="I78" s="281"/>
      <c r="J78" s="283" t="s">
        <v>96</v>
      </c>
    </row>
    <row r="79" spans="1:10" ht="15" customHeight="1">
      <c r="A79" s="287"/>
      <c r="B79" s="290"/>
      <c r="C79" s="287"/>
      <c r="D79" s="282"/>
      <c r="E79" s="282"/>
      <c r="F79" s="281"/>
      <c r="G79" s="281"/>
      <c r="H79" s="281"/>
      <c r="I79" s="281"/>
      <c r="J79" s="284"/>
    </row>
    <row r="80" spans="1:10" ht="15" customHeight="1">
      <c r="A80" s="288"/>
      <c r="B80" s="291"/>
      <c r="C80" s="288"/>
      <c r="D80" s="169" t="s">
        <v>393</v>
      </c>
      <c r="E80" s="170" t="s">
        <v>394</v>
      </c>
      <c r="F80" s="169" t="s">
        <v>395</v>
      </c>
      <c r="G80" s="171" t="s">
        <v>396</v>
      </c>
      <c r="H80" s="169" t="s">
        <v>393</v>
      </c>
      <c r="I80" s="171" t="s">
        <v>394</v>
      </c>
      <c r="J80" s="285"/>
    </row>
    <row r="81" spans="1:10" ht="15" customHeight="1">
      <c r="A81" s="76"/>
      <c r="B81" s="105" t="s">
        <v>108</v>
      </c>
      <c r="C81" s="77" t="s">
        <v>146</v>
      </c>
      <c r="D81" s="177" t="s">
        <v>3</v>
      </c>
      <c r="E81" s="178" t="s">
        <v>2</v>
      </c>
      <c r="F81" s="177" t="s">
        <v>2</v>
      </c>
      <c r="G81" s="178"/>
      <c r="H81" s="177" t="s">
        <v>2</v>
      </c>
      <c r="I81" s="178" t="s">
        <v>2</v>
      </c>
      <c r="J81" s="121"/>
    </row>
    <row r="82" spans="1:10" ht="15" customHeight="1">
      <c r="A82" s="76"/>
      <c r="B82" s="105"/>
      <c r="C82" s="77" t="s">
        <v>219</v>
      </c>
      <c r="D82" s="179"/>
      <c r="E82" s="180"/>
      <c r="F82" s="179"/>
      <c r="G82" s="180"/>
      <c r="H82" s="179"/>
      <c r="I82" s="180"/>
      <c r="J82" s="121"/>
    </row>
    <row r="83" spans="1:10" ht="15" customHeight="1">
      <c r="A83" s="76"/>
      <c r="B83" s="105"/>
      <c r="C83" s="77" t="s">
        <v>147</v>
      </c>
      <c r="D83" s="179" t="s">
        <v>2</v>
      </c>
      <c r="E83" s="180" t="s">
        <v>2</v>
      </c>
      <c r="F83" s="179" t="s">
        <v>2</v>
      </c>
      <c r="G83" s="180"/>
      <c r="H83" s="179" t="s">
        <v>2</v>
      </c>
      <c r="I83" s="180" t="s">
        <v>2</v>
      </c>
      <c r="J83" s="121"/>
    </row>
    <row r="84" spans="1:10" ht="15" customHeight="1">
      <c r="A84" s="76"/>
      <c r="B84" s="105"/>
      <c r="C84" s="77" t="s">
        <v>148</v>
      </c>
      <c r="D84" s="179" t="s">
        <v>2</v>
      </c>
      <c r="E84" s="180" t="s">
        <v>2</v>
      </c>
      <c r="F84" s="179" t="s">
        <v>2</v>
      </c>
      <c r="G84" s="180"/>
      <c r="H84" s="179" t="s">
        <v>2</v>
      </c>
      <c r="I84" s="180" t="s">
        <v>2</v>
      </c>
      <c r="J84" s="121"/>
    </row>
    <row r="85" spans="1:10" ht="15" customHeight="1">
      <c r="A85" s="76"/>
      <c r="B85" s="105"/>
      <c r="C85" s="77" t="s">
        <v>181</v>
      </c>
      <c r="D85" s="179" t="s">
        <v>2</v>
      </c>
      <c r="E85" s="180" t="s">
        <v>2</v>
      </c>
      <c r="F85" s="179" t="s">
        <v>2</v>
      </c>
      <c r="G85" s="180"/>
      <c r="H85" s="179" t="s">
        <v>2</v>
      </c>
      <c r="I85" s="180" t="s">
        <v>2</v>
      </c>
      <c r="J85" s="121"/>
    </row>
    <row r="86" spans="1:10" ht="15" customHeight="1">
      <c r="A86" s="76"/>
      <c r="B86" s="105"/>
      <c r="C86" s="77" t="s">
        <v>182</v>
      </c>
      <c r="D86" s="179" t="s">
        <v>2</v>
      </c>
      <c r="E86" s="180" t="s">
        <v>2</v>
      </c>
      <c r="F86" s="179" t="s">
        <v>2</v>
      </c>
      <c r="G86" s="180"/>
      <c r="H86" s="179" t="s">
        <v>2</v>
      </c>
      <c r="I86" s="180" t="s">
        <v>2</v>
      </c>
      <c r="J86" s="121"/>
    </row>
    <row r="87" spans="1:10" ht="15" customHeight="1">
      <c r="A87" s="76"/>
      <c r="B87" s="105"/>
      <c r="C87" s="77" t="s">
        <v>183</v>
      </c>
      <c r="D87" s="179" t="s">
        <v>2</v>
      </c>
      <c r="E87" s="180" t="s">
        <v>2</v>
      </c>
      <c r="F87" s="179" t="s">
        <v>2</v>
      </c>
      <c r="G87" s="180"/>
      <c r="H87" s="179" t="s">
        <v>2</v>
      </c>
      <c r="I87" s="180" t="s">
        <v>2</v>
      </c>
      <c r="J87" s="121"/>
    </row>
    <row r="88" spans="1:10" ht="15" customHeight="1">
      <c r="A88" s="76"/>
      <c r="B88" s="105"/>
      <c r="C88" s="77" t="s">
        <v>149</v>
      </c>
      <c r="D88" s="179" t="s">
        <v>2</v>
      </c>
      <c r="E88" s="180" t="s">
        <v>2</v>
      </c>
      <c r="F88" s="179" t="s">
        <v>2</v>
      </c>
      <c r="G88" s="180"/>
      <c r="H88" s="179" t="s">
        <v>2</v>
      </c>
      <c r="I88" s="180" t="s">
        <v>2</v>
      </c>
      <c r="J88" s="121"/>
    </row>
    <row r="89" spans="1:10" ht="15" customHeight="1">
      <c r="A89" s="76"/>
      <c r="B89" s="105"/>
      <c r="C89" s="77" t="s">
        <v>150</v>
      </c>
      <c r="D89" s="179" t="s">
        <v>2</v>
      </c>
      <c r="E89" s="180" t="s">
        <v>2</v>
      </c>
      <c r="F89" s="179" t="s">
        <v>2</v>
      </c>
      <c r="G89" s="180"/>
      <c r="H89" s="179" t="s">
        <v>2</v>
      </c>
      <c r="I89" s="180" t="s">
        <v>2</v>
      </c>
      <c r="J89" s="121"/>
    </row>
    <row r="90" spans="1:10" ht="15" customHeight="1">
      <c r="A90" s="76"/>
      <c r="B90" s="105"/>
      <c r="C90" s="77" t="s">
        <v>202</v>
      </c>
      <c r="D90" s="179"/>
      <c r="E90" s="180"/>
      <c r="F90" s="179"/>
      <c r="G90" s="180"/>
      <c r="H90" s="179"/>
      <c r="I90" s="180"/>
      <c r="J90" s="121"/>
    </row>
    <row r="91" spans="1:10" ht="15" customHeight="1">
      <c r="A91" s="76"/>
      <c r="B91" s="105"/>
      <c r="C91" s="77" t="s">
        <v>203</v>
      </c>
      <c r="D91" s="179"/>
      <c r="E91" s="180"/>
      <c r="F91" s="179"/>
      <c r="G91" s="180"/>
      <c r="H91" s="179"/>
      <c r="I91" s="180"/>
      <c r="J91" s="121"/>
    </row>
    <row r="92" spans="1:10" ht="15" customHeight="1">
      <c r="A92" s="76"/>
      <c r="B92" s="105"/>
      <c r="C92" s="77" t="s">
        <v>186</v>
      </c>
      <c r="D92" s="179" t="s">
        <v>2</v>
      </c>
      <c r="E92" s="180" t="s">
        <v>2</v>
      </c>
      <c r="F92" s="179" t="s">
        <v>2</v>
      </c>
      <c r="G92" s="180"/>
      <c r="H92" s="179" t="s">
        <v>2</v>
      </c>
      <c r="I92" s="180" t="s">
        <v>2</v>
      </c>
      <c r="J92" s="121"/>
    </row>
    <row r="93" spans="1:10" ht="15" customHeight="1">
      <c r="A93" s="76"/>
      <c r="B93" s="105"/>
      <c r="C93" s="91" t="s">
        <v>220</v>
      </c>
      <c r="D93" s="179" t="s">
        <v>2</v>
      </c>
      <c r="E93" s="180" t="s">
        <v>2</v>
      </c>
      <c r="F93" s="179" t="s">
        <v>2</v>
      </c>
      <c r="G93" s="180"/>
      <c r="H93" s="179" t="s">
        <v>2</v>
      </c>
      <c r="I93" s="180" t="s">
        <v>2</v>
      </c>
      <c r="J93" s="121"/>
    </row>
    <row r="94" spans="1:10" ht="15" customHeight="1">
      <c r="A94" s="76"/>
      <c r="B94" s="105"/>
      <c r="C94" s="91" t="s">
        <v>204</v>
      </c>
      <c r="D94" s="179"/>
      <c r="E94" s="180"/>
      <c r="F94" s="179"/>
      <c r="G94" s="180"/>
      <c r="H94" s="179"/>
      <c r="I94" s="180"/>
      <c r="J94" s="121"/>
    </row>
    <row r="95" spans="1:10" ht="15" customHeight="1">
      <c r="A95" s="76"/>
      <c r="B95" s="105"/>
      <c r="C95" s="77" t="s">
        <v>311</v>
      </c>
      <c r="D95" s="179" t="s">
        <v>2</v>
      </c>
      <c r="E95" s="180" t="s">
        <v>2</v>
      </c>
      <c r="F95" s="179" t="s">
        <v>2</v>
      </c>
      <c r="G95" s="180"/>
      <c r="H95" s="179" t="s">
        <v>2</v>
      </c>
      <c r="I95" s="180" t="s">
        <v>2</v>
      </c>
      <c r="J95" s="121"/>
    </row>
    <row r="96" spans="1:10" ht="15" customHeight="1">
      <c r="A96" s="76"/>
      <c r="B96" s="105"/>
      <c r="C96" s="77" t="s">
        <v>218</v>
      </c>
      <c r="D96" s="179" t="s">
        <v>2</v>
      </c>
      <c r="E96" s="180" t="s">
        <v>2</v>
      </c>
      <c r="F96" s="179" t="s">
        <v>2</v>
      </c>
      <c r="G96" s="180"/>
      <c r="H96" s="179" t="s">
        <v>2</v>
      </c>
      <c r="I96" s="180" t="s">
        <v>2</v>
      </c>
      <c r="J96" s="121"/>
    </row>
    <row r="97" spans="1:10" ht="15" customHeight="1">
      <c r="A97" s="76"/>
      <c r="B97" s="105"/>
      <c r="C97" s="77"/>
      <c r="D97" s="179"/>
      <c r="E97" s="180"/>
      <c r="F97" s="179"/>
      <c r="G97" s="180"/>
      <c r="H97" s="179"/>
      <c r="I97" s="180"/>
      <c r="J97" s="121"/>
    </row>
    <row r="98" spans="1:10" ht="15" customHeight="1">
      <c r="A98" s="76"/>
      <c r="B98" s="111" t="s">
        <v>240</v>
      </c>
      <c r="C98" s="77" t="s">
        <v>263</v>
      </c>
      <c r="D98" s="179" t="s">
        <v>2</v>
      </c>
      <c r="E98" s="180" t="s">
        <v>2</v>
      </c>
      <c r="F98" s="179" t="s">
        <v>2</v>
      </c>
      <c r="G98" s="180"/>
      <c r="H98" s="179" t="s">
        <v>2</v>
      </c>
      <c r="I98" s="180" t="s">
        <v>2</v>
      </c>
      <c r="J98" s="121"/>
    </row>
    <row r="99" spans="1:10" ht="15" customHeight="1">
      <c r="A99" s="76"/>
      <c r="B99" s="105"/>
      <c r="C99" s="77" t="s">
        <v>151</v>
      </c>
      <c r="D99" s="179" t="s">
        <v>2</v>
      </c>
      <c r="E99" s="180" t="s">
        <v>2</v>
      </c>
      <c r="F99" s="179" t="s">
        <v>2</v>
      </c>
      <c r="G99" s="180"/>
      <c r="H99" s="179" t="s">
        <v>2</v>
      </c>
      <c r="I99" s="180" t="s">
        <v>2</v>
      </c>
      <c r="J99" s="121"/>
    </row>
    <row r="100" spans="1:10" ht="15" customHeight="1">
      <c r="A100" s="76"/>
      <c r="B100" s="36"/>
      <c r="C100" s="77" t="s">
        <v>86</v>
      </c>
      <c r="D100" s="172" t="s">
        <v>2</v>
      </c>
      <c r="E100" s="173" t="s">
        <v>2</v>
      </c>
      <c r="F100" s="172" t="s">
        <v>2</v>
      </c>
      <c r="G100" s="174"/>
      <c r="H100" s="172" t="s">
        <v>2</v>
      </c>
      <c r="I100" s="174" t="s">
        <v>2</v>
      </c>
      <c r="J100" s="121"/>
    </row>
    <row r="101" spans="1:10" ht="15" customHeight="1">
      <c r="A101" s="76"/>
      <c r="B101" s="36"/>
      <c r="C101" s="77" t="s">
        <v>87</v>
      </c>
      <c r="D101" s="179"/>
      <c r="E101" s="180"/>
      <c r="F101" s="179"/>
      <c r="G101" s="180"/>
      <c r="H101" s="179"/>
      <c r="I101" s="180"/>
      <c r="J101" s="121"/>
    </row>
    <row r="102" spans="1:10" ht="15" customHeight="1">
      <c r="A102" s="76"/>
      <c r="B102" s="105"/>
      <c r="C102" s="90" t="s">
        <v>312</v>
      </c>
      <c r="D102" s="179" t="s">
        <v>2</v>
      </c>
      <c r="E102" s="180" t="s">
        <v>2</v>
      </c>
      <c r="F102" s="179" t="s">
        <v>2</v>
      </c>
      <c r="G102" s="180"/>
      <c r="H102" s="179" t="s">
        <v>2</v>
      </c>
      <c r="I102" s="180" t="s">
        <v>2</v>
      </c>
      <c r="J102" s="121"/>
    </row>
    <row r="103" spans="1:10" ht="15" customHeight="1">
      <c r="A103" s="76"/>
      <c r="B103" s="87"/>
      <c r="C103" s="77"/>
      <c r="D103" s="179"/>
      <c r="E103" s="180"/>
      <c r="F103" s="179"/>
      <c r="G103" s="180"/>
      <c r="H103" s="179"/>
      <c r="I103" s="180"/>
      <c r="J103" s="121"/>
    </row>
    <row r="104" spans="1:10" ht="15" customHeight="1">
      <c r="A104" s="76"/>
      <c r="B104" s="87"/>
      <c r="C104" s="77"/>
      <c r="D104" s="179"/>
      <c r="E104" s="180"/>
      <c r="F104" s="179"/>
      <c r="G104" s="180"/>
      <c r="H104" s="179"/>
      <c r="I104" s="180"/>
      <c r="J104" s="121"/>
    </row>
    <row r="105" spans="1:10" ht="15" customHeight="1">
      <c r="A105" s="76"/>
      <c r="B105" s="87"/>
      <c r="C105" s="77"/>
      <c r="D105" s="179"/>
      <c r="E105" s="180"/>
      <c r="F105" s="179"/>
      <c r="G105" s="180"/>
      <c r="H105" s="179"/>
      <c r="I105" s="180"/>
      <c r="J105" s="121"/>
    </row>
    <row r="106" spans="1:10" ht="15" customHeight="1">
      <c r="A106" s="76"/>
      <c r="B106" s="87"/>
      <c r="C106" s="79"/>
      <c r="D106" s="179"/>
      <c r="E106" s="180"/>
      <c r="F106" s="179"/>
      <c r="G106" s="180"/>
      <c r="H106" s="179"/>
      <c r="I106" s="180"/>
      <c r="J106" s="121"/>
    </row>
    <row r="107" spans="1:10" ht="15" customHeight="1">
      <c r="A107" s="76"/>
      <c r="B107" s="87"/>
      <c r="C107" s="77"/>
      <c r="D107" s="179"/>
      <c r="E107" s="180"/>
      <c r="F107" s="179"/>
      <c r="G107" s="180"/>
      <c r="H107" s="179"/>
      <c r="I107" s="180"/>
      <c r="J107" s="121"/>
    </row>
    <row r="108" spans="1:10" ht="15" customHeight="1">
      <c r="A108" s="76"/>
      <c r="B108" s="77"/>
      <c r="C108" s="79"/>
      <c r="D108" s="179"/>
      <c r="E108" s="180"/>
      <c r="F108" s="179"/>
      <c r="G108" s="180"/>
      <c r="H108" s="179"/>
      <c r="I108" s="180"/>
      <c r="J108" s="121"/>
    </row>
    <row r="109" spans="1:10" ht="15" customHeight="1">
      <c r="A109" s="76"/>
      <c r="B109" s="77"/>
      <c r="C109" s="79"/>
      <c r="D109" s="179"/>
      <c r="E109" s="180"/>
      <c r="F109" s="179"/>
      <c r="G109" s="180"/>
      <c r="H109" s="179"/>
      <c r="I109" s="180"/>
      <c r="J109" s="121"/>
    </row>
    <row r="110" spans="1:10" ht="15" customHeight="1">
      <c r="A110" s="76"/>
      <c r="B110" s="76"/>
      <c r="C110" s="76"/>
      <c r="D110" s="179"/>
      <c r="E110" s="180"/>
      <c r="F110" s="179"/>
      <c r="G110" s="180"/>
      <c r="H110" s="179"/>
      <c r="I110" s="180"/>
      <c r="J110" s="121"/>
    </row>
    <row r="111" spans="1:10" ht="15" customHeight="1">
      <c r="A111" s="76"/>
      <c r="B111" s="76"/>
      <c r="C111" s="76"/>
      <c r="D111" s="179"/>
      <c r="E111" s="180"/>
      <c r="F111" s="179"/>
      <c r="G111" s="180"/>
      <c r="H111" s="179"/>
      <c r="I111" s="180"/>
      <c r="J111" s="121"/>
    </row>
    <row r="112" spans="1:10" ht="15" customHeight="1">
      <c r="A112" s="80"/>
      <c r="B112" s="80"/>
      <c r="C112" s="80"/>
      <c r="D112" s="181"/>
      <c r="E112" s="182"/>
      <c r="F112" s="181"/>
      <c r="G112" s="182"/>
      <c r="H112" s="181"/>
      <c r="I112" s="182"/>
      <c r="J112" s="122"/>
    </row>
  </sheetData>
  <mergeCells count="14">
    <mergeCell ref="A78:A80"/>
    <mergeCell ref="B78:B80"/>
    <mergeCell ref="C78:C80"/>
    <mergeCell ref="A42:A44"/>
    <mergeCell ref="B42:B44"/>
    <mergeCell ref="C42:C44"/>
    <mergeCell ref="D78:E79"/>
    <mergeCell ref="F78:G79"/>
    <mergeCell ref="H78:I79"/>
    <mergeCell ref="J78:J80"/>
    <mergeCell ref="D42:E43"/>
    <mergeCell ref="F42:G43"/>
    <mergeCell ref="H42:I43"/>
    <mergeCell ref="J42:J44"/>
  </mergeCells>
  <phoneticPr fontId="7"/>
  <pageMargins left="0.59055118110236227" right="0.59055118110236227" top="0.59055118110236227" bottom="0.59055118110236227" header="0.51181102362204722" footer="0.51181102362204722"/>
  <pageSetup paperSize="9" firstPageNumber="23" orientation="landscape" useFirstPageNumber="1" r:id="rId1"/>
  <headerFooter alignWithMargins="0">
    <oddFooter>&amp;C－&amp;P－</oddFooter>
  </headerFooter>
  <rowBreaks count="2" manualBreakCount="2">
    <brk id="40" max="16383" man="1"/>
    <brk id="76" max="16383"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112"/>
  <sheetViews>
    <sheetView view="pageBreakPreview" topLeftCell="A88" zoomScaleNormal="100" workbookViewId="0">
      <selection activeCell="A12" sqref="A12"/>
    </sheetView>
  </sheetViews>
  <sheetFormatPr defaultRowHeight="13.2"/>
  <cols>
    <col min="1" max="1" width="4.88671875" customWidth="1"/>
    <col min="2" max="2" width="18.109375" customWidth="1"/>
    <col min="3" max="3" width="61" customWidth="1"/>
    <col min="4" max="6" width="3.6640625" style="175" customWidth="1"/>
    <col min="7" max="7" width="5.6640625" style="175" customWidth="1"/>
    <col min="8" max="9" width="3.6640625" style="175" customWidth="1"/>
    <col min="10" max="10" width="29" style="119" customWidth="1"/>
  </cols>
  <sheetData>
    <row r="2" spans="1:10" ht="13.5" customHeight="1">
      <c r="B2" s="81"/>
      <c r="G2" s="176"/>
    </row>
    <row r="3" spans="1:10" ht="13.5" customHeight="1">
      <c r="B3" s="81"/>
      <c r="G3" s="176"/>
    </row>
    <row r="4" spans="1:10" ht="13.5" customHeight="1">
      <c r="B4" s="81"/>
    </row>
    <row r="5" spans="1:10" ht="13.5" customHeight="1">
      <c r="B5" s="81"/>
    </row>
    <row r="6" spans="1:10" ht="13.5" customHeight="1">
      <c r="B6" s="81"/>
    </row>
    <row r="7" spans="1:10" ht="13.5" customHeight="1">
      <c r="B7" s="81"/>
    </row>
    <row r="8" spans="1:10" ht="13.5" customHeight="1">
      <c r="B8" s="81"/>
    </row>
    <row r="9" spans="1:10" ht="13.5" customHeight="1">
      <c r="B9" s="81"/>
    </row>
    <row r="10" spans="1:10" ht="13.5" customHeight="1">
      <c r="B10" s="81"/>
    </row>
    <row r="11" spans="1:10" ht="25.2">
      <c r="A11" s="82" t="s">
        <v>472</v>
      </c>
      <c r="B11" s="82"/>
      <c r="C11" s="2"/>
      <c r="D11" s="168"/>
      <c r="E11" s="168"/>
      <c r="F11" s="168"/>
      <c r="G11" s="168"/>
      <c r="H11" s="168"/>
      <c r="I11" s="168"/>
      <c r="J11" s="120"/>
    </row>
    <row r="12" spans="1:10" ht="13.5" customHeight="1">
      <c r="B12" s="81"/>
    </row>
    <row r="13" spans="1:10" ht="13.5" customHeight="1">
      <c r="B13" s="81"/>
    </row>
    <row r="14" spans="1:10" ht="13.5" customHeight="1">
      <c r="B14" s="81"/>
    </row>
    <row r="15" spans="1:10" ht="13.5" customHeight="1">
      <c r="B15" s="81"/>
    </row>
    <row r="16" spans="1:10" ht="13.5" customHeight="1">
      <c r="B16" s="81"/>
    </row>
    <row r="17" spans="2:2" ht="13.5" customHeight="1">
      <c r="B17" s="81"/>
    </row>
    <row r="18" spans="2:2" ht="13.5" customHeight="1">
      <c r="B18" s="81"/>
    </row>
    <row r="19" spans="2:2" ht="13.5" customHeight="1">
      <c r="B19" s="81"/>
    </row>
    <row r="20" spans="2:2" ht="13.5" customHeight="1">
      <c r="B20" s="81"/>
    </row>
    <row r="21" spans="2:2" ht="13.5" customHeight="1">
      <c r="B21" s="81"/>
    </row>
    <row r="22" spans="2:2" ht="13.5" customHeight="1">
      <c r="B22" s="81"/>
    </row>
    <row r="23" spans="2:2" ht="13.5" customHeight="1">
      <c r="B23" s="81"/>
    </row>
    <row r="24" spans="2:2" ht="13.5" customHeight="1">
      <c r="B24" s="81"/>
    </row>
    <row r="25" spans="2:2" ht="13.5" customHeight="1">
      <c r="B25" s="81"/>
    </row>
    <row r="26" spans="2:2" ht="13.5" customHeight="1">
      <c r="B26" s="81"/>
    </row>
    <row r="27" spans="2:2" ht="13.5" customHeight="1">
      <c r="B27" s="81"/>
    </row>
    <row r="28" spans="2:2" ht="13.5" customHeight="1">
      <c r="B28" s="81"/>
    </row>
    <row r="29" spans="2:2" ht="13.5" customHeight="1">
      <c r="B29" s="81"/>
    </row>
    <row r="30" spans="2:2" ht="13.5" customHeight="1">
      <c r="B30" s="81"/>
    </row>
    <row r="31" spans="2:2" ht="13.5" customHeight="1">
      <c r="B31" s="81"/>
    </row>
    <row r="32" spans="2:2" ht="13.5" customHeight="1">
      <c r="B32" s="81"/>
    </row>
    <row r="33" spans="1:10" ht="13.5" customHeight="1">
      <c r="B33" s="81"/>
    </row>
    <row r="34" spans="1:10" ht="13.5" customHeight="1">
      <c r="B34" s="81"/>
    </row>
    <row r="35" spans="1:10" ht="13.5" customHeight="1">
      <c r="B35" s="81"/>
    </row>
    <row r="36" spans="1:10" ht="13.5" customHeight="1">
      <c r="B36" s="81"/>
    </row>
    <row r="37" spans="1:10" ht="13.5" customHeight="1">
      <c r="B37" s="81"/>
    </row>
    <row r="38" spans="1:10" ht="13.5" customHeight="1">
      <c r="B38" s="81"/>
    </row>
    <row r="39" spans="1:10" ht="13.5" customHeight="1">
      <c r="B39" s="81"/>
    </row>
    <row r="40" spans="1:10" ht="13.5" customHeight="1">
      <c r="B40" s="81"/>
    </row>
    <row r="41" spans="1:10" ht="25.2">
      <c r="A41" s="83" t="s">
        <v>300</v>
      </c>
      <c r="B41" s="82"/>
      <c r="C41" s="83"/>
      <c r="D41" s="168"/>
      <c r="E41" s="168"/>
      <c r="F41" s="168"/>
      <c r="G41" s="168"/>
      <c r="H41" s="168"/>
      <c r="I41" s="168"/>
      <c r="J41" s="120"/>
    </row>
    <row r="42" spans="1:10" ht="15" customHeight="1">
      <c r="A42" s="286" t="s">
        <v>196</v>
      </c>
      <c r="B42" s="289" t="s">
        <v>197</v>
      </c>
      <c r="C42" s="286" t="s">
        <v>198</v>
      </c>
      <c r="D42" s="282" t="s">
        <v>389</v>
      </c>
      <c r="E42" s="282"/>
      <c r="F42" s="281" t="s">
        <v>390</v>
      </c>
      <c r="G42" s="281"/>
      <c r="H42" s="281" t="s">
        <v>391</v>
      </c>
      <c r="I42" s="281"/>
      <c r="J42" s="283" t="s">
        <v>96</v>
      </c>
    </row>
    <row r="43" spans="1:10" ht="15" customHeight="1">
      <c r="A43" s="287"/>
      <c r="B43" s="290"/>
      <c r="C43" s="287"/>
      <c r="D43" s="282"/>
      <c r="E43" s="282"/>
      <c r="F43" s="281"/>
      <c r="G43" s="281"/>
      <c r="H43" s="281"/>
      <c r="I43" s="281"/>
      <c r="J43" s="284"/>
    </row>
    <row r="44" spans="1:10" ht="15" customHeight="1">
      <c r="A44" s="288"/>
      <c r="B44" s="291"/>
      <c r="C44" s="288"/>
      <c r="D44" s="169" t="s">
        <v>393</v>
      </c>
      <c r="E44" s="170" t="s">
        <v>394</v>
      </c>
      <c r="F44" s="169" t="s">
        <v>395</v>
      </c>
      <c r="G44" s="171" t="s">
        <v>396</v>
      </c>
      <c r="H44" s="169" t="s">
        <v>393</v>
      </c>
      <c r="I44" s="171" t="s">
        <v>394</v>
      </c>
      <c r="J44" s="285"/>
    </row>
    <row r="45" spans="1:10" ht="15" customHeight="1">
      <c r="A45" s="76"/>
      <c r="B45" s="105" t="s">
        <v>227</v>
      </c>
      <c r="C45" s="77" t="s">
        <v>152</v>
      </c>
      <c r="D45" s="177" t="s">
        <v>3</v>
      </c>
      <c r="E45" s="178" t="s">
        <v>2</v>
      </c>
      <c r="F45" s="177" t="s">
        <v>2</v>
      </c>
      <c r="G45" s="178"/>
      <c r="H45" s="177" t="s">
        <v>2</v>
      </c>
      <c r="I45" s="178" t="s">
        <v>2</v>
      </c>
      <c r="J45" s="121"/>
    </row>
    <row r="46" spans="1:10" ht="15" customHeight="1">
      <c r="A46" s="76"/>
      <c r="B46" s="105"/>
      <c r="C46" s="77" t="s">
        <v>153</v>
      </c>
      <c r="D46" s="179" t="s">
        <v>2</v>
      </c>
      <c r="E46" s="180" t="s">
        <v>2</v>
      </c>
      <c r="F46" s="179" t="s">
        <v>2</v>
      </c>
      <c r="G46" s="180"/>
      <c r="H46" s="179" t="s">
        <v>2</v>
      </c>
      <c r="I46" s="180" t="s">
        <v>2</v>
      </c>
      <c r="J46" s="121"/>
    </row>
    <row r="47" spans="1:10" ht="15" customHeight="1">
      <c r="A47" s="76"/>
      <c r="B47" s="105"/>
      <c r="C47" s="77"/>
      <c r="D47" s="179"/>
      <c r="E47" s="180"/>
      <c r="F47" s="179"/>
      <c r="G47" s="180"/>
      <c r="H47" s="179"/>
      <c r="I47" s="180"/>
      <c r="J47" s="121"/>
    </row>
    <row r="48" spans="1:10" ht="15" customHeight="1">
      <c r="A48" s="76"/>
      <c r="B48" s="105" t="s">
        <v>228</v>
      </c>
      <c r="C48" s="77" t="s">
        <v>128</v>
      </c>
      <c r="D48" s="179" t="s">
        <v>2</v>
      </c>
      <c r="E48" s="180" t="s">
        <v>2</v>
      </c>
      <c r="F48" s="179" t="s">
        <v>2</v>
      </c>
      <c r="G48" s="180"/>
      <c r="H48" s="179" t="s">
        <v>2</v>
      </c>
      <c r="I48" s="180" t="s">
        <v>2</v>
      </c>
      <c r="J48" s="121"/>
    </row>
    <row r="49" spans="1:10" ht="15" customHeight="1">
      <c r="A49" s="76"/>
      <c r="B49" s="105"/>
      <c r="C49" s="77" t="s">
        <v>154</v>
      </c>
      <c r="D49" s="179" t="s">
        <v>2</v>
      </c>
      <c r="E49" s="180" t="s">
        <v>2</v>
      </c>
      <c r="F49" s="179" t="s">
        <v>2</v>
      </c>
      <c r="G49" s="180"/>
      <c r="H49" s="179" t="s">
        <v>2</v>
      </c>
      <c r="I49" s="180" t="s">
        <v>2</v>
      </c>
      <c r="J49" s="121"/>
    </row>
    <row r="50" spans="1:10" ht="15" customHeight="1">
      <c r="A50" s="76"/>
      <c r="B50" s="105"/>
      <c r="C50" s="77" t="s">
        <v>155</v>
      </c>
      <c r="D50" s="179" t="s">
        <v>2</v>
      </c>
      <c r="E50" s="180" t="s">
        <v>2</v>
      </c>
      <c r="F50" s="179" t="s">
        <v>2</v>
      </c>
      <c r="G50" s="180"/>
      <c r="H50" s="179" t="s">
        <v>2</v>
      </c>
      <c r="I50" s="180" t="s">
        <v>2</v>
      </c>
      <c r="J50" s="121"/>
    </row>
    <row r="51" spans="1:10" ht="15" customHeight="1">
      <c r="A51" s="76"/>
      <c r="B51" s="105"/>
      <c r="C51" s="77" t="s">
        <v>156</v>
      </c>
      <c r="D51" s="179" t="s">
        <v>2</v>
      </c>
      <c r="E51" s="180" t="s">
        <v>2</v>
      </c>
      <c r="F51" s="179" t="s">
        <v>2</v>
      </c>
      <c r="G51" s="180"/>
      <c r="H51" s="179" t="s">
        <v>2</v>
      </c>
      <c r="I51" s="180" t="s">
        <v>2</v>
      </c>
      <c r="J51" s="121"/>
    </row>
    <row r="52" spans="1:10" ht="15" customHeight="1">
      <c r="A52" s="76"/>
      <c r="B52" s="105"/>
      <c r="C52" s="77" t="s">
        <v>324</v>
      </c>
      <c r="D52" s="179" t="s">
        <v>2</v>
      </c>
      <c r="E52" s="180" t="s">
        <v>2</v>
      </c>
      <c r="F52" s="179" t="s">
        <v>2</v>
      </c>
      <c r="G52" s="180"/>
      <c r="H52" s="179" t="s">
        <v>2</v>
      </c>
      <c r="I52" s="180" t="s">
        <v>2</v>
      </c>
      <c r="J52" s="121"/>
    </row>
    <row r="53" spans="1:10" ht="15" customHeight="1">
      <c r="A53" s="76"/>
      <c r="B53" s="105"/>
      <c r="C53" s="77" t="s">
        <v>157</v>
      </c>
      <c r="D53" s="179" t="s">
        <v>2</v>
      </c>
      <c r="E53" s="180" t="s">
        <v>2</v>
      </c>
      <c r="F53" s="179" t="s">
        <v>2</v>
      </c>
      <c r="G53" s="180"/>
      <c r="H53" s="179" t="s">
        <v>2</v>
      </c>
      <c r="I53" s="180" t="s">
        <v>2</v>
      </c>
      <c r="J53" s="121"/>
    </row>
    <row r="54" spans="1:10" ht="15" customHeight="1">
      <c r="A54" s="76"/>
      <c r="B54" s="105"/>
      <c r="C54" s="77"/>
      <c r="D54" s="179"/>
      <c r="E54" s="180"/>
      <c r="F54" s="179"/>
      <c r="G54" s="180"/>
      <c r="H54" s="179"/>
      <c r="I54" s="180"/>
      <c r="J54" s="121"/>
    </row>
    <row r="55" spans="1:10" ht="15" customHeight="1">
      <c r="A55" s="76"/>
      <c r="B55" s="105" t="s">
        <v>162</v>
      </c>
      <c r="C55" s="77" t="s">
        <v>75</v>
      </c>
      <c r="D55" s="179" t="s">
        <v>2</v>
      </c>
      <c r="E55" s="180" t="s">
        <v>2</v>
      </c>
      <c r="F55" s="179" t="s">
        <v>2</v>
      </c>
      <c r="G55" s="180"/>
      <c r="H55" s="179" t="s">
        <v>2</v>
      </c>
      <c r="I55" s="180" t="s">
        <v>2</v>
      </c>
      <c r="J55" s="121"/>
    </row>
    <row r="56" spans="1:10" ht="15" customHeight="1">
      <c r="A56" s="76"/>
      <c r="B56" s="105"/>
      <c r="C56" s="77" t="s">
        <v>319</v>
      </c>
      <c r="D56" s="179"/>
      <c r="E56" s="180"/>
      <c r="F56" s="179"/>
      <c r="G56" s="180"/>
      <c r="H56" s="179"/>
      <c r="I56" s="180"/>
      <c r="J56" s="121"/>
    </row>
    <row r="57" spans="1:10" ht="15" customHeight="1">
      <c r="A57" s="76"/>
      <c r="B57" s="36"/>
      <c r="C57" s="77" t="s">
        <v>76</v>
      </c>
      <c r="D57" s="179" t="s">
        <v>2</v>
      </c>
      <c r="E57" s="180" t="s">
        <v>2</v>
      </c>
      <c r="F57" s="179" t="s">
        <v>2</v>
      </c>
      <c r="G57" s="180"/>
      <c r="H57" s="179" t="s">
        <v>2</v>
      </c>
      <c r="I57" s="180" t="s">
        <v>2</v>
      </c>
      <c r="J57" s="121"/>
    </row>
    <row r="58" spans="1:10" ht="15" customHeight="1">
      <c r="A58" s="76"/>
      <c r="B58" s="36"/>
      <c r="C58" s="77" t="s">
        <v>77</v>
      </c>
      <c r="D58" s="179"/>
      <c r="E58" s="180"/>
      <c r="F58" s="179"/>
      <c r="G58" s="180"/>
      <c r="H58" s="179"/>
      <c r="I58" s="180"/>
      <c r="J58" s="121"/>
    </row>
    <row r="59" spans="1:10" ht="15" customHeight="1">
      <c r="A59" s="76"/>
      <c r="B59" s="105"/>
      <c r="C59" s="77"/>
      <c r="D59" s="179"/>
      <c r="E59" s="180"/>
      <c r="F59" s="179"/>
      <c r="G59" s="180"/>
      <c r="H59" s="179"/>
      <c r="I59" s="180"/>
      <c r="J59" s="121"/>
    </row>
    <row r="60" spans="1:10" ht="15" customHeight="1">
      <c r="A60" s="76"/>
      <c r="B60" s="105" t="s">
        <v>281</v>
      </c>
      <c r="C60" s="77" t="s">
        <v>158</v>
      </c>
      <c r="D60" s="179" t="s">
        <v>2</v>
      </c>
      <c r="E60" s="180" t="s">
        <v>2</v>
      </c>
      <c r="F60" s="179" t="s">
        <v>2</v>
      </c>
      <c r="G60" s="180"/>
      <c r="H60" s="179" t="s">
        <v>2</v>
      </c>
      <c r="I60" s="180" t="s">
        <v>2</v>
      </c>
      <c r="J60" s="121"/>
    </row>
    <row r="61" spans="1:10" ht="15" customHeight="1">
      <c r="A61" s="76"/>
      <c r="B61" s="105"/>
      <c r="C61" s="77" t="s">
        <v>159</v>
      </c>
      <c r="D61" s="179" t="s">
        <v>2</v>
      </c>
      <c r="E61" s="180" t="s">
        <v>2</v>
      </c>
      <c r="F61" s="179" t="s">
        <v>2</v>
      </c>
      <c r="G61" s="180"/>
      <c r="H61" s="179" t="s">
        <v>2</v>
      </c>
      <c r="I61" s="180" t="s">
        <v>2</v>
      </c>
      <c r="J61" s="121"/>
    </row>
    <row r="62" spans="1:10" ht="15" customHeight="1">
      <c r="A62" s="76"/>
      <c r="B62" s="105"/>
      <c r="C62" s="77" t="s">
        <v>160</v>
      </c>
      <c r="D62" s="179" t="s">
        <v>2</v>
      </c>
      <c r="E62" s="180" t="s">
        <v>2</v>
      </c>
      <c r="F62" s="179" t="s">
        <v>2</v>
      </c>
      <c r="G62" s="180"/>
      <c r="H62" s="179" t="s">
        <v>2</v>
      </c>
      <c r="I62" s="180" t="s">
        <v>2</v>
      </c>
      <c r="J62" s="121"/>
    </row>
    <row r="63" spans="1:10" ht="15" customHeight="1">
      <c r="A63" s="76"/>
      <c r="B63" s="36"/>
      <c r="C63" s="77"/>
      <c r="D63" s="179"/>
      <c r="E63" s="180"/>
      <c r="F63" s="179"/>
      <c r="G63" s="180"/>
      <c r="H63" s="179"/>
      <c r="I63" s="180"/>
      <c r="J63" s="121"/>
    </row>
    <row r="64" spans="1:10" ht="15" customHeight="1">
      <c r="A64" s="76"/>
      <c r="B64" s="111" t="s">
        <v>108</v>
      </c>
      <c r="C64" s="77" t="s">
        <v>161</v>
      </c>
      <c r="D64" s="172" t="s">
        <v>2</v>
      </c>
      <c r="E64" s="173" t="s">
        <v>2</v>
      </c>
      <c r="F64" s="172" t="s">
        <v>2</v>
      </c>
      <c r="G64" s="174"/>
      <c r="H64" s="172" t="s">
        <v>2</v>
      </c>
      <c r="I64" s="174" t="s">
        <v>2</v>
      </c>
      <c r="J64" s="121"/>
    </row>
    <row r="65" spans="1:10" ht="15" customHeight="1">
      <c r="A65" s="76"/>
      <c r="B65" s="105"/>
      <c r="C65" s="77" t="s">
        <v>181</v>
      </c>
      <c r="D65" s="179" t="s">
        <v>2</v>
      </c>
      <c r="E65" s="180" t="s">
        <v>2</v>
      </c>
      <c r="F65" s="179" t="s">
        <v>2</v>
      </c>
      <c r="G65" s="180"/>
      <c r="H65" s="179" t="s">
        <v>2</v>
      </c>
      <c r="I65" s="180" t="s">
        <v>2</v>
      </c>
      <c r="J65" s="121"/>
    </row>
    <row r="66" spans="1:10" ht="15" customHeight="1">
      <c r="A66" s="76"/>
      <c r="B66" s="105"/>
      <c r="C66" s="77" t="s">
        <v>182</v>
      </c>
      <c r="D66" s="179" t="s">
        <v>2</v>
      </c>
      <c r="E66" s="180" t="s">
        <v>2</v>
      </c>
      <c r="F66" s="179" t="s">
        <v>2</v>
      </c>
      <c r="G66" s="180"/>
      <c r="H66" s="179" t="s">
        <v>2</v>
      </c>
      <c r="I66" s="180" t="s">
        <v>2</v>
      </c>
      <c r="J66" s="121"/>
    </row>
    <row r="67" spans="1:10" ht="15" customHeight="1">
      <c r="A67" s="76"/>
      <c r="B67" s="36"/>
      <c r="C67" s="77" t="s">
        <v>183</v>
      </c>
      <c r="D67" s="179" t="s">
        <v>2</v>
      </c>
      <c r="E67" s="180" t="s">
        <v>2</v>
      </c>
      <c r="F67" s="179" t="s">
        <v>2</v>
      </c>
      <c r="G67" s="180"/>
      <c r="H67" s="179" t="s">
        <v>2</v>
      </c>
      <c r="I67" s="180" t="s">
        <v>2</v>
      </c>
      <c r="J67" s="121"/>
    </row>
    <row r="68" spans="1:10" ht="15" customHeight="1">
      <c r="A68" s="76"/>
      <c r="B68" s="105"/>
      <c r="C68" s="77" t="s">
        <v>297</v>
      </c>
      <c r="D68" s="179" t="s">
        <v>2</v>
      </c>
      <c r="E68" s="180" t="s">
        <v>2</v>
      </c>
      <c r="F68" s="179" t="s">
        <v>2</v>
      </c>
      <c r="G68" s="180"/>
      <c r="H68" s="179" t="s">
        <v>2</v>
      </c>
      <c r="I68" s="180" t="s">
        <v>2</v>
      </c>
      <c r="J68" s="121"/>
    </row>
    <row r="69" spans="1:10" ht="15" customHeight="1">
      <c r="A69" s="76"/>
      <c r="B69" s="105"/>
      <c r="C69" s="77" t="s">
        <v>202</v>
      </c>
      <c r="D69" s="179"/>
      <c r="E69" s="180"/>
      <c r="F69" s="179"/>
      <c r="G69" s="180"/>
      <c r="H69" s="179"/>
      <c r="I69" s="180"/>
      <c r="J69" s="121"/>
    </row>
    <row r="70" spans="1:10" ht="15" customHeight="1">
      <c r="A70" s="76"/>
      <c r="B70" s="105"/>
      <c r="C70" s="77" t="s">
        <v>320</v>
      </c>
      <c r="D70" s="179"/>
      <c r="E70" s="180"/>
      <c r="F70" s="179"/>
      <c r="G70" s="180"/>
      <c r="H70" s="179"/>
      <c r="I70" s="180"/>
      <c r="J70" s="121"/>
    </row>
    <row r="71" spans="1:10" ht="15" customHeight="1">
      <c r="A71" s="76"/>
      <c r="B71" s="105"/>
      <c r="C71" s="77" t="s">
        <v>186</v>
      </c>
      <c r="D71" s="179" t="s">
        <v>2</v>
      </c>
      <c r="E71" s="180" t="s">
        <v>2</v>
      </c>
      <c r="F71" s="179" t="s">
        <v>2</v>
      </c>
      <c r="G71" s="180"/>
      <c r="H71" s="179" t="s">
        <v>2</v>
      </c>
      <c r="I71" s="180" t="s">
        <v>2</v>
      </c>
      <c r="J71" s="121"/>
    </row>
    <row r="72" spans="1:10" ht="15" customHeight="1">
      <c r="A72" s="76"/>
      <c r="B72" s="105"/>
      <c r="C72" s="77" t="s">
        <v>189</v>
      </c>
      <c r="D72" s="179" t="s">
        <v>2</v>
      </c>
      <c r="E72" s="180" t="s">
        <v>2</v>
      </c>
      <c r="F72" s="179" t="s">
        <v>2</v>
      </c>
      <c r="G72" s="180"/>
      <c r="H72" s="179" t="s">
        <v>2</v>
      </c>
      <c r="I72" s="180" t="s">
        <v>2</v>
      </c>
      <c r="J72" s="121"/>
    </row>
    <row r="73" spans="1:10" ht="15" customHeight="1">
      <c r="A73" s="76"/>
      <c r="B73" s="105"/>
      <c r="C73" s="77" t="s">
        <v>204</v>
      </c>
      <c r="D73" s="179"/>
      <c r="E73" s="180"/>
      <c r="F73" s="179"/>
      <c r="G73" s="180"/>
      <c r="H73" s="179"/>
      <c r="I73" s="180"/>
      <c r="J73" s="121"/>
    </row>
    <row r="74" spans="1:10" ht="15" customHeight="1">
      <c r="A74" s="76"/>
      <c r="B74" s="105"/>
      <c r="C74" s="77" t="s">
        <v>187</v>
      </c>
      <c r="D74" s="179" t="s">
        <v>2</v>
      </c>
      <c r="E74" s="180" t="s">
        <v>2</v>
      </c>
      <c r="F74" s="179" t="s">
        <v>2</v>
      </c>
      <c r="G74" s="180"/>
      <c r="H74" s="179" t="s">
        <v>2</v>
      </c>
      <c r="I74" s="180" t="s">
        <v>2</v>
      </c>
      <c r="J74" s="121"/>
    </row>
    <row r="75" spans="1:10" ht="15" customHeight="1">
      <c r="A75" s="76"/>
      <c r="B75" s="105"/>
      <c r="C75" s="90" t="s">
        <v>188</v>
      </c>
      <c r="D75" s="179" t="s">
        <v>2</v>
      </c>
      <c r="E75" s="180" t="s">
        <v>2</v>
      </c>
      <c r="F75" s="179" t="s">
        <v>2</v>
      </c>
      <c r="G75" s="180"/>
      <c r="H75" s="179" t="s">
        <v>2</v>
      </c>
      <c r="I75" s="180" t="s">
        <v>2</v>
      </c>
      <c r="J75" s="121"/>
    </row>
    <row r="76" spans="1:10" ht="15" customHeight="1">
      <c r="A76" s="80"/>
      <c r="B76" s="86"/>
      <c r="C76" s="80"/>
      <c r="D76" s="181"/>
      <c r="E76" s="182"/>
      <c r="F76" s="181"/>
      <c r="G76" s="182"/>
      <c r="H76" s="181"/>
      <c r="I76" s="182"/>
      <c r="J76" s="122"/>
    </row>
    <row r="77" spans="1:10" ht="25.2">
      <c r="A77" s="83" t="s">
        <v>300</v>
      </c>
      <c r="B77" s="82"/>
      <c r="C77" s="83"/>
      <c r="D77" s="168"/>
      <c r="E77" s="168"/>
      <c r="F77" s="168"/>
      <c r="G77" s="168"/>
      <c r="H77" s="168"/>
      <c r="I77" s="168"/>
      <c r="J77" s="120"/>
    </row>
    <row r="78" spans="1:10" ht="15" customHeight="1">
      <c r="A78" s="286" t="s">
        <v>196</v>
      </c>
      <c r="B78" s="289" t="s">
        <v>197</v>
      </c>
      <c r="C78" s="286" t="s">
        <v>198</v>
      </c>
      <c r="D78" s="282" t="s">
        <v>389</v>
      </c>
      <c r="E78" s="282"/>
      <c r="F78" s="281" t="s">
        <v>390</v>
      </c>
      <c r="G78" s="281"/>
      <c r="H78" s="281" t="s">
        <v>391</v>
      </c>
      <c r="I78" s="281"/>
      <c r="J78" s="283" t="s">
        <v>96</v>
      </c>
    </row>
    <row r="79" spans="1:10" ht="15" customHeight="1">
      <c r="A79" s="287"/>
      <c r="B79" s="290"/>
      <c r="C79" s="287"/>
      <c r="D79" s="282"/>
      <c r="E79" s="282"/>
      <c r="F79" s="281"/>
      <c r="G79" s="281"/>
      <c r="H79" s="281"/>
      <c r="I79" s="281"/>
      <c r="J79" s="284"/>
    </row>
    <row r="80" spans="1:10" ht="15" customHeight="1">
      <c r="A80" s="288"/>
      <c r="B80" s="291"/>
      <c r="C80" s="288"/>
      <c r="D80" s="169" t="s">
        <v>393</v>
      </c>
      <c r="E80" s="170" t="s">
        <v>394</v>
      </c>
      <c r="F80" s="169" t="s">
        <v>395</v>
      </c>
      <c r="G80" s="171" t="s">
        <v>396</v>
      </c>
      <c r="H80" s="169" t="s">
        <v>393</v>
      </c>
      <c r="I80" s="171" t="s">
        <v>394</v>
      </c>
      <c r="J80" s="285"/>
    </row>
    <row r="81" spans="1:10" ht="15" customHeight="1">
      <c r="A81" s="76"/>
      <c r="B81" s="105"/>
      <c r="C81" s="77" t="s">
        <v>218</v>
      </c>
      <c r="D81" s="177" t="s">
        <v>3</v>
      </c>
      <c r="E81" s="178" t="s">
        <v>2</v>
      </c>
      <c r="F81" s="177" t="s">
        <v>2</v>
      </c>
      <c r="G81" s="178"/>
      <c r="H81" s="177" t="s">
        <v>2</v>
      </c>
      <c r="I81" s="178" t="s">
        <v>2</v>
      </c>
      <c r="J81" s="121"/>
    </row>
    <row r="82" spans="1:10" ht="15" customHeight="1">
      <c r="A82" s="76"/>
      <c r="B82" s="105"/>
      <c r="C82" s="77" t="s">
        <v>163</v>
      </c>
      <c r="D82" s="179" t="s">
        <v>2</v>
      </c>
      <c r="E82" s="180" t="s">
        <v>2</v>
      </c>
      <c r="F82" s="179" t="s">
        <v>2</v>
      </c>
      <c r="G82" s="180"/>
      <c r="H82" s="179" t="s">
        <v>2</v>
      </c>
      <c r="I82" s="180" t="s">
        <v>2</v>
      </c>
      <c r="J82" s="121"/>
    </row>
    <row r="83" spans="1:10" ht="15" customHeight="1">
      <c r="A83" s="76"/>
      <c r="B83" s="105"/>
      <c r="C83" s="77"/>
      <c r="D83" s="179"/>
      <c r="E83" s="180"/>
      <c r="F83" s="179"/>
      <c r="G83" s="180"/>
      <c r="H83" s="179"/>
      <c r="I83" s="180"/>
      <c r="J83" s="121"/>
    </row>
    <row r="84" spans="1:10" ht="15" customHeight="1">
      <c r="A84" s="76"/>
      <c r="B84" s="111" t="s">
        <v>240</v>
      </c>
      <c r="C84" s="77" t="s">
        <v>78</v>
      </c>
      <c r="D84" s="179" t="s">
        <v>2</v>
      </c>
      <c r="E84" s="180" t="s">
        <v>2</v>
      </c>
      <c r="F84" s="179" t="s">
        <v>2</v>
      </c>
      <c r="G84" s="180"/>
      <c r="H84" s="179" t="s">
        <v>2</v>
      </c>
      <c r="I84" s="180" t="s">
        <v>2</v>
      </c>
      <c r="J84" s="121"/>
    </row>
    <row r="85" spans="1:10" ht="15" customHeight="1">
      <c r="A85" s="76"/>
      <c r="B85" s="111"/>
      <c r="C85" s="77" t="s">
        <v>321</v>
      </c>
      <c r="D85" s="179"/>
      <c r="E85" s="180"/>
      <c r="F85" s="179"/>
      <c r="G85" s="180"/>
      <c r="H85" s="179"/>
      <c r="I85" s="180"/>
      <c r="J85" s="121"/>
    </row>
    <row r="86" spans="1:10" ht="15" customHeight="1">
      <c r="A86" s="76"/>
      <c r="B86" s="105"/>
      <c r="C86" s="90" t="s">
        <v>322</v>
      </c>
      <c r="D86" s="179" t="s">
        <v>2</v>
      </c>
      <c r="E86" s="180" t="s">
        <v>2</v>
      </c>
      <c r="F86" s="179" t="s">
        <v>2</v>
      </c>
      <c r="G86" s="180"/>
      <c r="H86" s="179" t="s">
        <v>2</v>
      </c>
      <c r="I86" s="180" t="s">
        <v>2</v>
      </c>
      <c r="J86" s="121"/>
    </row>
    <row r="87" spans="1:10" ht="15" customHeight="1">
      <c r="A87" s="76"/>
      <c r="B87" s="105"/>
      <c r="C87" s="77"/>
      <c r="D87" s="179"/>
      <c r="E87" s="180"/>
      <c r="F87" s="179"/>
      <c r="G87" s="180"/>
      <c r="H87" s="179"/>
      <c r="I87" s="180"/>
      <c r="J87" s="121"/>
    </row>
    <row r="88" spans="1:10" ht="15" customHeight="1">
      <c r="A88" s="76"/>
      <c r="B88" s="105"/>
      <c r="C88" s="77"/>
      <c r="D88" s="179"/>
      <c r="E88" s="180"/>
      <c r="F88" s="179"/>
      <c r="G88" s="180"/>
      <c r="H88" s="179"/>
      <c r="I88" s="180"/>
      <c r="J88" s="121"/>
    </row>
    <row r="89" spans="1:10" ht="15" customHeight="1">
      <c r="A89" s="76"/>
      <c r="B89" s="105"/>
      <c r="C89" s="77"/>
      <c r="D89" s="179"/>
      <c r="E89" s="180"/>
      <c r="F89" s="179"/>
      <c r="G89" s="180"/>
      <c r="H89" s="179"/>
      <c r="I89" s="180"/>
      <c r="J89" s="121"/>
    </row>
    <row r="90" spans="1:10" ht="15" customHeight="1">
      <c r="A90" s="76"/>
      <c r="B90" s="105"/>
      <c r="C90" s="77"/>
      <c r="D90" s="179"/>
      <c r="E90" s="180"/>
      <c r="F90" s="179"/>
      <c r="G90" s="180"/>
      <c r="H90" s="179"/>
      <c r="I90" s="180"/>
      <c r="J90" s="121"/>
    </row>
    <row r="91" spans="1:10" ht="15" customHeight="1">
      <c r="A91" s="76"/>
      <c r="B91" s="105"/>
      <c r="C91" s="77"/>
      <c r="D91" s="179"/>
      <c r="E91" s="180"/>
      <c r="F91" s="179"/>
      <c r="G91" s="180"/>
      <c r="H91" s="179"/>
      <c r="I91" s="180"/>
      <c r="J91" s="121"/>
    </row>
    <row r="92" spans="1:10" ht="15" customHeight="1">
      <c r="A92" s="76"/>
      <c r="B92" s="105"/>
      <c r="C92" s="77"/>
      <c r="D92" s="179"/>
      <c r="E92" s="180"/>
      <c r="F92" s="179"/>
      <c r="G92" s="180"/>
      <c r="H92" s="179"/>
      <c r="I92" s="180"/>
      <c r="J92" s="121"/>
    </row>
    <row r="93" spans="1:10" ht="15" customHeight="1">
      <c r="A93" s="76"/>
      <c r="B93" s="105"/>
      <c r="C93" s="77"/>
      <c r="D93" s="179"/>
      <c r="E93" s="180"/>
      <c r="F93" s="179"/>
      <c r="G93" s="180"/>
      <c r="H93" s="179"/>
      <c r="I93" s="180"/>
      <c r="J93" s="121"/>
    </row>
    <row r="94" spans="1:10" ht="15" customHeight="1">
      <c r="A94" s="76"/>
      <c r="B94" s="105"/>
      <c r="C94" s="91"/>
      <c r="D94" s="179"/>
      <c r="E94" s="180"/>
      <c r="F94" s="179"/>
      <c r="G94" s="180"/>
      <c r="H94" s="179"/>
      <c r="I94" s="180"/>
      <c r="J94" s="121"/>
    </row>
    <row r="95" spans="1:10" ht="15" customHeight="1">
      <c r="A95" s="76"/>
      <c r="B95" s="105"/>
      <c r="C95" s="91"/>
      <c r="D95" s="179"/>
      <c r="E95" s="180"/>
      <c r="F95" s="179"/>
      <c r="G95" s="180"/>
      <c r="H95" s="179"/>
      <c r="I95" s="180"/>
      <c r="J95" s="121"/>
    </row>
    <row r="96" spans="1:10" ht="15" customHeight="1">
      <c r="A96" s="76"/>
      <c r="B96" s="105"/>
      <c r="C96" s="77"/>
      <c r="D96" s="179"/>
      <c r="E96" s="180"/>
      <c r="F96" s="179"/>
      <c r="G96" s="180"/>
      <c r="H96" s="179"/>
      <c r="I96" s="180"/>
      <c r="J96" s="121"/>
    </row>
    <row r="97" spans="1:10" ht="15" customHeight="1">
      <c r="A97" s="76"/>
      <c r="B97" s="105"/>
      <c r="C97" s="77"/>
      <c r="D97" s="179"/>
      <c r="E97" s="180"/>
      <c r="F97" s="179"/>
      <c r="G97" s="180"/>
      <c r="H97" s="179"/>
      <c r="I97" s="180"/>
      <c r="J97" s="121"/>
    </row>
    <row r="98" spans="1:10" ht="15" customHeight="1">
      <c r="A98" s="76"/>
      <c r="B98" s="105"/>
      <c r="C98" s="77"/>
      <c r="D98" s="179"/>
      <c r="E98" s="180"/>
      <c r="F98" s="179"/>
      <c r="G98" s="180"/>
      <c r="H98" s="179"/>
      <c r="I98" s="180"/>
      <c r="J98" s="121"/>
    </row>
    <row r="99" spans="1:10" ht="15" customHeight="1">
      <c r="A99" s="76"/>
      <c r="B99" s="39"/>
      <c r="C99" s="77"/>
      <c r="D99" s="179"/>
      <c r="E99" s="180"/>
      <c r="F99" s="179"/>
      <c r="G99" s="180"/>
      <c r="H99" s="179"/>
      <c r="I99" s="180"/>
      <c r="J99" s="121"/>
    </row>
    <row r="100" spans="1:10" ht="15" customHeight="1">
      <c r="A100" s="76"/>
      <c r="B100" s="105"/>
      <c r="C100" s="77"/>
      <c r="D100" s="172"/>
      <c r="E100" s="173"/>
      <c r="F100" s="172"/>
      <c r="G100" s="174"/>
      <c r="H100" s="172"/>
      <c r="I100" s="174"/>
      <c r="J100" s="121"/>
    </row>
    <row r="101" spans="1:10" ht="15" customHeight="1">
      <c r="A101" s="76"/>
      <c r="B101" s="106"/>
      <c r="C101" s="77"/>
      <c r="D101" s="179"/>
      <c r="E101" s="180"/>
      <c r="F101" s="179"/>
      <c r="G101" s="180"/>
      <c r="H101" s="179"/>
      <c r="I101" s="180"/>
      <c r="J101" s="121"/>
    </row>
    <row r="102" spans="1:10" ht="15" customHeight="1">
      <c r="A102" s="76"/>
      <c r="B102" s="106"/>
      <c r="C102" s="77"/>
      <c r="D102" s="179"/>
      <c r="E102" s="180"/>
      <c r="F102" s="179"/>
      <c r="G102" s="180"/>
      <c r="H102" s="179"/>
      <c r="I102" s="180"/>
      <c r="J102" s="121"/>
    </row>
    <row r="103" spans="1:10" ht="15" customHeight="1">
      <c r="A103" s="76"/>
      <c r="B103" s="105"/>
      <c r="C103" s="79"/>
      <c r="D103" s="179"/>
      <c r="E103" s="180"/>
      <c r="F103" s="179"/>
      <c r="G103" s="180"/>
      <c r="H103" s="179"/>
      <c r="I103" s="180"/>
      <c r="J103" s="121"/>
    </row>
    <row r="104" spans="1:10" ht="15" customHeight="1">
      <c r="A104" s="76"/>
      <c r="B104" s="87"/>
      <c r="C104" s="77"/>
      <c r="D104" s="179"/>
      <c r="E104" s="180"/>
      <c r="F104" s="179"/>
      <c r="G104" s="180"/>
      <c r="H104" s="179"/>
      <c r="I104" s="180"/>
      <c r="J104" s="121"/>
    </row>
    <row r="105" spans="1:10" ht="15" customHeight="1">
      <c r="A105" s="76"/>
      <c r="B105" s="87"/>
      <c r="C105" s="77"/>
      <c r="D105" s="179"/>
      <c r="E105" s="180"/>
      <c r="F105" s="179"/>
      <c r="G105" s="180"/>
      <c r="H105" s="179"/>
      <c r="I105" s="180"/>
      <c r="J105" s="121"/>
    </row>
    <row r="106" spans="1:10" ht="15" customHeight="1">
      <c r="A106" s="76"/>
      <c r="B106" s="87"/>
      <c r="C106" s="79"/>
      <c r="D106" s="179"/>
      <c r="E106" s="180"/>
      <c r="F106" s="179"/>
      <c r="G106" s="180"/>
      <c r="H106" s="179"/>
      <c r="I106" s="180"/>
      <c r="J106" s="121"/>
    </row>
    <row r="107" spans="1:10" ht="15" customHeight="1">
      <c r="A107" s="76"/>
      <c r="B107" s="87"/>
      <c r="C107" s="77"/>
      <c r="D107" s="179"/>
      <c r="E107" s="180"/>
      <c r="F107" s="179"/>
      <c r="G107" s="180"/>
      <c r="H107" s="179"/>
      <c r="I107" s="180"/>
      <c r="J107" s="121"/>
    </row>
    <row r="108" spans="1:10" ht="15" customHeight="1">
      <c r="A108" s="76"/>
      <c r="B108" s="87"/>
      <c r="C108" s="77"/>
      <c r="D108" s="179"/>
      <c r="E108" s="180"/>
      <c r="F108" s="179"/>
      <c r="G108" s="180"/>
      <c r="H108" s="179"/>
      <c r="I108" s="180"/>
      <c r="J108" s="121"/>
    </row>
    <row r="109" spans="1:10" ht="15" customHeight="1">
      <c r="A109" s="76"/>
      <c r="B109" s="87"/>
      <c r="C109" s="79"/>
      <c r="D109" s="179"/>
      <c r="E109" s="180"/>
      <c r="F109" s="179"/>
      <c r="G109" s="180"/>
      <c r="H109" s="179"/>
      <c r="I109" s="180"/>
      <c r="J109" s="121"/>
    </row>
    <row r="110" spans="1:10" ht="15" customHeight="1">
      <c r="A110" s="76"/>
      <c r="B110" s="87"/>
      <c r="C110" s="79"/>
      <c r="D110" s="179"/>
      <c r="E110" s="180"/>
      <c r="F110" s="179"/>
      <c r="G110" s="180"/>
      <c r="H110" s="179"/>
      <c r="I110" s="180"/>
      <c r="J110" s="121"/>
    </row>
    <row r="111" spans="1:10" ht="15" customHeight="1">
      <c r="A111" s="76"/>
      <c r="B111" s="85"/>
      <c r="C111" s="76"/>
      <c r="D111" s="179"/>
      <c r="E111" s="180"/>
      <c r="F111" s="179"/>
      <c r="G111" s="180"/>
      <c r="H111" s="179"/>
      <c r="I111" s="180"/>
      <c r="J111" s="121"/>
    </row>
    <row r="112" spans="1:10" ht="15" customHeight="1">
      <c r="A112" s="80"/>
      <c r="B112" s="86"/>
      <c r="C112" s="80"/>
      <c r="D112" s="181"/>
      <c r="E112" s="182"/>
      <c r="F112" s="181"/>
      <c r="G112" s="182"/>
      <c r="H112" s="181"/>
      <c r="I112" s="182"/>
      <c r="J112" s="122"/>
    </row>
  </sheetData>
  <mergeCells count="14">
    <mergeCell ref="A78:A80"/>
    <mergeCell ref="B78:B80"/>
    <mergeCell ref="C78:C80"/>
    <mergeCell ref="A42:A44"/>
    <mergeCell ref="B42:B44"/>
    <mergeCell ref="C42:C44"/>
    <mergeCell ref="D78:E79"/>
    <mergeCell ref="F78:G79"/>
    <mergeCell ref="H78:I79"/>
    <mergeCell ref="J78:J80"/>
    <mergeCell ref="D42:E43"/>
    <mergeCell ref="F42:G43"/>
    <mergeCell ref="H42:I43"/>
    <mergeCell ref="J42:J44"/>
  </mergeCells>
  <phoneticPr fontId="7"/>
  <pageMargins left="0.59055118110236227" right="0.59055118110236227" top="0.59055118110236227" bottom="0.59055118110236227" header="0.51181102362204722" footer="0.51181102362204722"/>
  <pageSetup paperSize="9" firstPageNumber="26" orientation="landscape" useFirstPageNumber="1" r:id="rId1"/>
  <headerFooter alignWithMargins="0">
    <oddFooter>&amp;C－&amp;P－</oddFooter>
  </headerFooter>
  <rowBreaks count="2" manualBreakCount="2">
    <brk id="40" max="16383" man="1"/>
    <brk id="76" max="16383"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112"/>
  <sheetViews>
    <sheetView view="pageBreakPreview" topLeftCell="A7" zoomScaleNormal="100" workbookViewId="0">
      <selection activeCell="A12" sqref="A12"/>
    </sheetView>
  </sheetViews>
  <sheetFormatPr defaultRowHeight="13.2"/>
  <cols>
    <col min="1" max="1" width="4.88671875" customWidth="1"/>
    <col min="2" max="2" width="18.109375" customWidth="1"/>
    <col min="3" max="3" width="61" customWidth="1"/>
    <col min="4" max="6" width="3.6640625" style="175" customWidth="1"/>
    <col min="7" max="7" width="5.6640625" style="175" customWidth="1"/>
    <col min="8" max="9" width="3.6640625" style="175" customWidth="1"/>
    <col min="10" max="10" width="29" style="119" customWidth="1"/>
  </cols>
  <sheetData>
    <row r="2" spans="1:10" ht="13.5" customHeight="1">
      <c r="B2" s="81"/>
      <c r="G2" s="176"/>
    </row>
    <row r="3" spans="1:10" ht="13.5" customHeight="1">
      <c r="B3" s="81"/>
      <c r="G3" s="176"/>
    </row>
    <row r="4" spans="1:10" ht="13.5" customHeight="1">
      <c r="B4" s="81"/>
    </row>
    <row r="5" spans="1:10" ht="13.5" customHeight="1">
      <c r="B5" s="81"/>
    </row>
    <row r="6" spans="1:10" ht="13.5" customHeight="1">
      <c r="B6" s="81"/>
    </row>
    <row r="7" spans="1:10" ht="13.5" customHeight="1">
      <c r="B7" s="81"/>
    </row>
    <row r="8" spans="1:10" ht="13.5" customHeight="1">
      <c r="B8" s="81"/>
    </row>
    <row r="9" spans="1:10" ht="13.5" customHeight="1">
      <c r="B9" s="81"/>
    </row>
    <row r="10" spans="1:10" ht="13.5" customHeight="1">
      <c r="B10" s="81"/>
    </row>
    <row r="11" spans="1:10" ht="25.2">
      <c r="A11" s="82" t="s">
        <v>473</v>
      </c>
      <c r="B11" s="82"/>
      <c r="C11" s="2"/>
      <c r="D11" s="168"/>
      <c r="E11" s="168"/>
      <c r="F11" s="168"/>
      <c r="G11" s="168"/>
      <c r="H11" s="168"/>
      <c r="I11" s="168"/>
      <c r="J11" s="120"/>
    </row>
    <row r="12" spans="1:10" ht="13.5" customHeight="1">
      <c r="B12" s="81"/>
    </row>
    <row r="13" spans="1:10" ht="13.5" customHeight="1">
      <c r="B13" s="81"/>
    </row>
    <row r="14" spans="1:10" ht="13.5" customHeight="1">
      <c r="B14" s="81"/>
    </row>
    <row r="15" spans="1:10" ht="13.5" customHeight="1">
      <c r="B15" s="81"/>
    </row>
    <row r="16" spans="1:10" ht="13.5" customHeight="1">
      <c r="B16" s="81"/>
    </row>
    <row r="17" spans="2:2" ht="13.5" customHeight="1">
      <c r="B17" s="81"/>
    </row>
    <row r="18" spans="2:2" ht="13.5" customHeight="1">
      <c r="B18" s="81"/>
    </row>
    <row r="19" spans="2:2" ht="13.5" customHeight="1">
      <c r="B19" s="81"/>
    </row>
    <row r="20" spans="2:2" ht="13.5" customHeight="1">
      <c r="B20" s="81"/>
    </row>
    <row r="21" spans="2:2" ht="13.5" customHeight="1">
      <c r="B21" s="81"/>
    </row>
    <row r="22" spans="2:2" ht="13.5" customHeight="1">
      <c r="B22" s="81"/>
    </row>
    <row r="23" spans="2:2" ht="13.5" customHeight="1">
      <c r="B23" s="81"/>
    </row>
    <row r="24" spans="2:2" ht="13.5" customHeight="1">
      <c r="B24" s="81"/>
    </row>
    <row r="25" spans="2:2" ht="13.5" customHeight="1">
      <c r="B25" s="81"/>
    </row>
    <row r="26" spans="2:2" ht="13.5" customHeight="1">
      <c r="B26" s="81"/>
    </row>
    <row r="27" spans="2:2" ht="13.5" customHeight="1">
      <c r="B27" s="81"/>
    </row>
    <row r="28" spans="2:2" ht="13.5" customHeight="1">
      <c r="B28" s="81"/>
    </row>
    <row r="29" spans="2:2" ht="13.5" customHeight="1">
      <c r="B29" s="81"/>
    </row>
    <row r="30" spans="2:2" ht="13.5" customHeight="1">
      <c r="B30" s="81"/>
    </row>
    <row r="31" spans="2:2" ht="13.5" customHeight="1">
      <c r="B31" s="81"/>
    </row>
    <row r="32" spans="2:2" ht="13.5" customHeight="1">
      <c r="B32" s="81"/>
    </row>
    <row r="33" spans="1:10" ht="13.5" customHeight="1">
      <c r="B33" s="81"/>
    </row>
    <row r="34" spans="1:10" ht="13.5" customHeight="1">
      <c r="B34" s="81"/>
    </row>
    <row r="35" spans="1:10" ht="13.5" customHeight="1">
      <c r="B35" s="81"/>
    </row>
    <row r="36" spans="1:10" ht="13.5" customHeight="1">
      <c r="B36" s="81"/>
    </row>
    <row r="37" spans="1:10" ht="13.5" customHeight="1">
      <c r="B37" s="81"/>
    </row>
    <row r="38" spans="1:10" ht="13.5" customHeight="1">
      <c r="B38" s="81"/>
    </row>
    <row r="39" spans="1:10" ht="13.5" customHeight="1">
      <c r="B39" s="81"/>
    </row>
    <row r="40" spans="1:10" ht="13.5" customHeight="1">
      <c r="B40" s="81"/>
    </row>
    <row r="41" spans="1:10" ht="25.2">
      <c r="A41" s="83" t="s">
        <v>300</v>
      </c>
      <c r="B41" s="82"/>
      <c r="C41" s="83"/>
      <c r="D41" s="168"/>
      <c r="E41" s="168"/>
      <c r="F41" s="168"/>
      <c r="G41" s="168"/>
      <c r="H41" s="168"/>
      <c r="I41" s="168"/>
      <c r="J41" s="120"/>
    </row>
    <row r="42" spans="1:10" ht="15" customHeight="1">
      <c r="A42" s="286" t="s">
        <v>196</v>
      </c>
      <c r="B42" s="289" t="s">
        <v>197</v>
      </c>
      <c r="C42" s="286" t="s">
        <v>198</v>
      </c>
      <c r="D42" s="282" t="s">
        <v>389</v>
      </c>
      <c r="E42" s="282"/>
      <c r="F42" s="281" t="s">
        <v>390</v>
      </c>
      <c r="G42" s="281"/>
      <c r="H42" s="281" t="s">
        <v>391</v>
      </c>
      <c r="I42" s="281"/>
      <c r="J42" s="283" t="s">
        <v>96</v>
      </c>
    </row>
    <row r="43" spans="1:10" ht="15" customHeight="1">
      <c r="A43" s="287"/>
      <c r="B43" s="290"/>
      <c r="C43" s="287"/>
      <c r="D43" s="282"/>
      <c r="E43" s="282"/>
      <c r="F43" s="281"/>
      <c r="G43" s="281"/>
      <c r="H43" s="281"/>
      <c r="I43" s="281"/>
      <c r="J43" s="284"/>
    </row>
    <row r="44" spans="1:10" ht="15" customHeight="1">
      <c r="A44" s="288"/>
      <c r="B44" s="291"/>
      <c r="C44" s="288"/>
      <c r="D44" s="169" t="s">
        <v>393</v>
      </c>
      <c r="E44" s="170" t="s">
        <v>394</v>
      </c>
      <c r="F44" s="169" t="s">
        <v>395</v>
      </c>
      <c r="G44" s="171" t="s">
        <v>396</v>
      </c>
      <c r="H44" s="169" t="s">
        <v>393</v>
      </c>
      <c r="I44" s="171" t="s">
        <v>394</v>
      </c>
      <c r="J44" s="285"/>
    </row>
    <row r="45" spans="1:10" ht="15" customHeight="1">
      <c r="A45" s="76"/>
      <c r="B45" s="105" t="s">
        <v>227</v>
      </c>
      <c r="C45" s="77" t="s">
        <v>124</v>
      </c>
      <c r="D45" s="177" t="s">
        <v>3</v>
      </c>
      <c r="E45" s="178" t="s">
        <v>2</v>
      </c>
      <c r="F45" s="177" t="s">
        <v>2</v>
      </c>
      <c r="G45" s="178"/>
      <c r="H45" s="177" t="s">
        <v>2</v>
      </c>
      <c r="I45" s="178" t="s">
        <v>2</v>
      </c>
      <c r="J45" s="121"/>
    </row>
    <row r="46" spans="1:10" ht="15" customHeight="1">
      <c r="A46" s="76"/>
      <c r="B46" s="105"/>
      <c r="C46" s="77" t="s">
        <v>125</v>
      </c>
      <c r="D46" s="179" t="s">
        <v>2</v>
      </c>
      <c r="E46" s="180" t="s">
        <v>2</v>
      </c>
      <c r="F46" s="179" t="s">
        <v>2</v>
      </c>
      <c r="G46" s="180"/>
      <c r="H46" s="179" t="s">
        <v>2</v>
      </c>
      <c r="I46" s="180" t="s">
        <v>2</v>
      </c>
      <c r="J46" s="121"/>
    </row>
    <row r="47" spans="1:10" ht="15" customHeight="1">
      <c r="A47" s="76"/>
      <c r="B47" s="105"/>
      <c r="C47" s="77" t="s">
        <v>126</v>
      </c>
      <c r="D47" s="179" t="s">
        <v>2</v>
      </c>
      <c r="E47" s="180" t="s">
        <v>2</v>
      </c>
      <c r="F47" s="179" t="s">
        <v>2</v>
      </c>
      <c r="G47" s="180"/>
      <c r="H47" s="179" t="s">
        <v>2</v>
      </c>
      <c r="I47" s="180" t="s">
        <v>2</v>
      </c>
      <c r="J47" s="121"/>
    </row>
    <row r="48" spans="1:10" ht="15" customHeight="1">
      <c r="A48" s="76"/>
      <c r="B48" s="105"/>
      <c r="C48" s="77" t="s">
        <v>127</v>
      </c>
      <c r="D48" s="179" t="s">
        <v>2</v>
      </c>
      <c r="E48" s="180" t="s">
        <v>2</v>
      </c>
      <c r="F48" s="179" t="s">
        <v>2</v>
      </c>
      <c r="G48" s="180"/>
      <c r="H48" s="179" t="s">
        <v>2</v>
      </c>
      <c r="I48" s="180" t="s">
        <v>2</v>
      </c>
      <c r="J48" s="121"/>
    </row>
    <row r="49" spans="1:10" ht="15" customHeight="1">
      <c r="A49" s="76"/>
      <c r="B49" s="105"/>
      <c r="C49" s="77"/>
      <c r="D49" s="179"/>
      <c r="E49" s="180"/>
      <c r="F49" s="179"/>
      <c r="G49" s="180"/>
      <c r="H49" s="179"/>
      <c r="I49" s="180"/>
      <c r="J49" s="121"/>
    </row>
    <row r="50" spans="1:10" ht="15" customHeight="1">
      <c r="A50" s="76"/>
      <c r="B50" s="105" t="s">
        <v>228</v>
      </c>
      <c r="C50" s="77" t="s">
        <v>128</v>
      </c>
      <c r="D50" s="179" t="s">
        <v>2</v>
      </c>
      <c r="E50" s="180" t="s">
        <v>2</v>
      </c>
      <c r="F50" s="179" t="s">
        <v>2</v>
      </c>
      <c r="G50" s="180"/>
      <c r="H50" s="179" t="s">
        <v>2</v>
      </c>
      <c r="I50" s="180" t="s">
        <v>2</v>
      </c>
      <c r="J50" s="121"/>
    </row>
    <row r="51" spans="1:10" ht="15" customHeight="1">
      <c r="A51" s="76"/>
      <c r="B51" s="105"/>
      <c r="C51" s="77" t="s">
        <v>129</v>
      </c>
      <c r="D51" s="179" t="s">
        <v>2</v>
      </c>
      <c r="E51" s="180" t="s">
        <v>2</v>
      </c>
      <c r="F51" s="179" t="s">
        <v>2</v>
      </c>
      <c r="G51" s="180"/>
      <c r="H51" s="179" t="s">
        <v>2</v>
      </c>
      <c r="I51" s="180" t="s">
        <v>2</v>
      </c>
      <c r="J51" s="121"/>
    </row>
    <row r="52" spans="1:10" ht="15" customHeight="1">
      <c r="A52" s="76"/>
      <c r="B52" s="105"/>
      <c r="C52" s="77" t="s">
        <v>130</v>
      </c>
      <c r="D52" s="179" t="s">
        <v>2</v>
      </c>
      <c r="E52" s="180" t="s">
        <v>2</v>
      </c>
      <c r="F52" s="179" t="s">
        <v>2</v>
      </c>
      <c r="G52" s="180"/>
      <c r="H52" s="179" t="s">
        <v>2</v>
      </c>
      <c r="I52" s="180" t="s">
        <v>2</v>
      </c>
      <c r="J52" s="121"/>
    </row>
    <row r="53" spans="1:10" ht="15" customHeight="1">
      <c r="A53" s="76"/>
      <c r="B53" s="105"/>
      <c r="C53" s="77" t="s">
        <v>131</v>
      </c>
      <c r="D53" s="179" t="s">
        <v>2</v>
      </c>
      <c r="E53" s="180" t="s">
        <v>2</v>
      </c>
      <c r="F53" s="179" t="s">
        <v>2</v>
      </c>
      <c r="G53" s="180"/>
      <c r="H53" s="179" t="s">
        <v>2</v>
      </c>
      <c r="I53" s="180" t="s">
        <v>2</v>
      </c>
      <c r="J53" s="121"/>
    </row>
    <row r="54" spans="1:10" ht="15" customHeight="1">
      <c r="A54" s="76"/>
      <c r="B54" s="105"/>
      <c r="C54" s="77" t="s">
        <v>132</v>
      </c>
      <c r="D54" s="179" t="s">
        <v>2</v>
      </c>
      <c r="E54" s="180" t="s">
        <v>2</v>
      </c>
      <c r="F54" s="179" t="s">
        <v>2</v>
      </c>
      <c r="G54" s="180"/>
      <c r="H54" s="179" t="s">
        <v>2</v>
      </c>
      <c r="I54" s="180" t="s">
        <v>2</v>
      </c>
      <c r="J54" s="121"/>
    </row>
    <row r="55" spans="1:10" ht="15" customHeight="1">
      <c r="A55" s="76"/>
      <c r="B55" s="105"/>
      <c r="C55" s="77" t="s">
        <v>133</v>
      </c>
      <c r="D55" s="179" t="s">
        <v>2</v>
      </c>
      <c r="E55" s="180" t="s">
        <v>2</v>
      </c>
      <c r="F55" s="179" t="s">
        <v>2</v>
      </c>
      <c r="G55" s="180"/>
      <c r="H55" s="179" t="s">
        <v>2</v>
      </c>
      <c r="I55" s="180" t="s">
        <v>2</v>
      </c>
      <c r="J55" s="121"/>
    </row>
    <row r="56" spans="1:10" ht="15" customHeight="1">
      <c r="A56" s="76"/>
      <c r="B56" s="105"/>
      <c r="C56" s="77" t="s">
        <v>134</v>
      </c>
      <c r="D56" s="179" t="s">
        <v>2</v>
      </c>
      <c r="E56" s="180" t="s">
        <v>2</v>
      </c>
      <c r="F56" s="179" t="s">
        <v>2</v>
      </c>
      <c r="G56" s="180"/>
      <c r="H56" s="179" t="s">
        <v>2</v>
      </c>
      <c r="I56" s="180" t="s">
        <v>2</v>
      </c>
      <c r="J56" s="121"/>
    </row>
    <row r="57" spans="1:10" ht="15" customHeight="1">
      <c r="A57" s="76"/>
      <c r="B57" s="105"/>
      <c r="C57" s="77" t="s">
        <v>79</v>
      </c>
      <c r="D57" s="179" t="s">
        <v>2</v>
      </c>
      <c r="E57" s="180" t="s">
        <v>2</v>
      </c>
      <c r="F57" s="179" t="s">
        <v>2</v>
      </c>
      <c r="G57" s="180"/>
      <c r="H57" s="179" t="s">
        <v>2</v>
      </c>
      <c r="I57" s="180" t="s">
        <v>2</v>
      </c>
      <c r="J57" s="121"/>
    </row>
    <row r="58" spans="1:10" ht="15" customHeight="1">
      <c r="A58" s="76"/>
      <c r="B58" s="105"/>
      <c r="C58" s="77" t="s">
        <v>216</v>
      </c>
      <c r="D58" s="179"/>
      <c r="E58" s="180"/>
      <c r="F58" s="179"/>
      <c r="G58" s="180"/>
      <c r="H58" s="179"/>
      <c r="I58" s="180"/>
      <c r="J58" s="121"/>
    </row>
    <row r="59" spans="1:10" ht="15" customHeight="1">
      <c r="A59" s="76"/>
      <c r="B59" s="105"/>
      <c r="C59" s="77" t="s">
        <v>136</v>
      </c>
      <c r="D59" s="179" t="s">
        <v>2</v>
      </c>
      <c r="E59" s="180" t="s">
        <v>2</v>
      </c>
      <c r="F59" s="179" t="s">
        <v>2</v>
      </c>
      <c r="G59" s="180"/>
      <c r="H59" s="179" t="s">
        <v>2</v>
      </c>
      <c r="I59" s="180" t="s">
        <v>2</v>
      </c>
      <c r="J59" s="121"/>
    </row>
    <row r="60" spans="1:10" ht="15" customHeight="1">
      <c r="A60" s="76"/>
      <c r="B60" s="105"/>
      <c r="C60" s="77"/>
      <c r="D60" s="179"/>
      <c r="E60" s="180"/>
      <c r="F60" s="179"/>
      <c r="G60" s="180"/>
      <c r="H60" s="179"/>
      <c r="I60" s="180"/>
      <c r="J60" s="121"/>
    </row>
    <row r="61" spans="1:10" ht="15" customHeight="1">
      <c r="A61" s="76"/>
      <c r="B61" s="105" t="s">
        <v>281</v>
      </c>
      <c r="C61" s="77" t="s">
        <v>137</v>
      </c>
      <c r="D61" s="179" t="s">
        <v>2</v>
      </c>
      <c r="E61" s="180" t="s">
        <v>2</v>
      </c>
      <c r="F61" s="179" t="s">
        <v>2</v>
      </c>
      <c r="G61" s="180"/>
      <c r="H61" s="179" t="s">
        <v>2</v>
      </c>
      <c r="I61" s="180" t="s">
        <v>2</v>
      </c>
      <c r="J61" s="121"/>
    </row>
    <row r="62" spans="1:10" ht="15" customHeight="1">
      <c r="A62" s="76"/>
      <c r="B62" s="36"/>
      <c r="C62" s="77" t="s">
        <v>138</v>
      </c>
      <c r="D62" s="179" t="s">
        <v>2</v>
      </c>
      <c r="E62" s="180" t="s">
        <v>2</v>
      </c>
      <c r="F62" s="179" t="s">
        <v>2</v>
      </c>
      <c r="G62" s="180"/>
      <c r="H62" s="179" t="s">
        <v>2</v>
      </c>
      <c r="I62" s="180" t="s">
        <v>2</v>
      </c>
      <c r="J62" s="121"/>
    </row>
    <row r="63" spans="1:10" ht="15" customHeight="1">
      <c r="A63" s="76"/>
      <c r="B63" s="105"/>
      <c r="C63" s="77" t="s">
        <v>164</v>
      </c>
      <c r="D63" s="179" t="s">
        <v>2</v>
      </c>
      <c r="E63" s="180" t="s">
        <v>2</v>
      </c>
      <c r="F63" s="179" t="s">
        <v>2</v>
      </c>
      <c r="G63" s="180"/>
      <c r="H63" s="179" t="s">
        <v>2</v>
      </c>
      <c r="I63" s="180" t="s">
        <v>2</v>
      </c>
      <c r="J63" s="121"/>
    </row>
    <row r="64" spans="1:10" ht="15" customHeight="1">
      <c r="A64" s="76"/>
      <c r="B64" s="105"/>
      <c r="C64" s="77"/>
      <c r="D64" s="172"/>
      <c r="E64" s="173"/>
      <c r="F64" s="172"/>
      <c r="G64" s="174"/>
      <c r="H64" s="172"/>
      <c r="I64" s="174"/>
      <c r="J64" s="121"/>
    </row>
    <row r="65" spans="1:10" ht="15" customHeight="1">
      <c r="A65" s="76"/>
      <c r="B65" s="105" t="s">
        <v>107</v>
      </c>
      <c r="C65" s="77" t="s">
        <v>139</v>
      </c>
      <c r="D65" s="179" t="s">
        <v>2</v>
      </c>
      <c r="E65" s="180" t="s">
        <v>2</v>
      </c>
      <c r="F65" s="179" t="s">
        <v>2</v>
      </c>
      <c r="G65" s="180"/>
      <c r="H65" s="179" t="s">
        <v>2</v>
      </c>
      <c r="I65" s="180" t="s">
        <v>2</v>
      </c>
      <c r="J65" s="121"/>
    </row>
    <row r="66" spans="1:10" ht="15" customHeight="1">
      <c r="A66" s="76"/>
      <c r="B66" s="36"/>
      <c r="C66" s="77" t="s">
        <v>140</v>
      </c>
      <c r="D66" s="179" t="s">
        <v>2</v>
      </c>
      <c r="E66" s="180" t="s">
        <v>2</v>
      </c>
      <c r="F66" s="179" t="s">
        <v>2</v>
      </c>
      <c r="G66" s="180"/>
      <c r="H66" s="179" t="s">
        <v>2</v>
      </c>
      <c r="I66" s="180" t="s">
        <v>2</v>
      </c>
      <c r="J66" s="121"/>
    </row>
    <row r="67" spans="1:10" ht="15" customHeight="1">
      <c r="A67" s="76"/>
      <c r="B67" s="105"/>
      <c r="C67" s="77" t="s">
        <v>141</v>
      </c>
      <c r="D67" s="179" t="s">
        <v>2</v>
      </c>
      <c r="E67" s="180" t="s">
        <v>2</v>
      </c>
      <c r="F67" s="179" t="s">
        <v>2</v>
      </c>
      <c r="G67" s="180"/>
      <c r="H67" s="179" t="s">
        <v>2</v>
      </c>
      <c r="I67" s="180" t="s">
        <v>2</v>
      </c>
      <c r="J67" s="121"/>
    </row>
    <row r="68" spans="1:10" ht="15" customHeight="1">
      <c r="A68" s="76"/>
      <c r="B68" s="105"/>
      <c r="C68" s="77"/>
      <c r="D68" s="179"/>
      <c r="E68" s="180"/>
      <c r="F68" s="179"/>
      <c r="G68" s="180"/>
      <c r="H68" s="179"/>
      <c r="I68" s="180"/>
      <c r="J68" s="121"/>
    </row>
    <row r="69" spans="1:10" ht="15" customHeight="1">
      <c r="A69" s="76"/>
      <c r="B69" s="105" t="s">
        <v>231</v>
      </c>
      <c r="C69" s="77" t="s">
        <v>142</v>
      </c>
      <c r="D69" s="179" t="s">
        <v>2</v>
      </c>
      <c r="E69" s="180" t="s">
        <v>2</v>
      </c>
      <c r="F69" s="179" t="s">
        <v>2</v>
      </c>
      <c r="G69" s="180"/>
      <c r="H69" s="179" t="s">
        <v>2</v>
      </c>
      <c r="I69" s="180" t="s">
        <v>2</v>
      </c>
      <c r="J69" s="121"/>
    </row>
    <row r="70" spans="1:10" ht="15" customHeight="1">
      <c r="A70" s="76"/>
      <c r="B70" s="36"/>
      <c r="C70" s="77" t="s">
        <v>143</v>
      </c>
      <c r="D70" s="179" t="s">
        <v>2</v>
      </c>
      <c r="E70" s="180" t="s">
        <v>2</v>
      </c>
      <c r="F70" s="179" t="s">
        <v>2</v>
      </c>
      <c r="G70" s="180"/>
      <c r="H70" s="179" t="s">
        <v>2</v>
      </c>
      <c r="I70" s="180" t="s">
        <v>2</v>
      </c>
      <c r="J70" s="121"/>
    </row>
    <row r="71" spans="1:10" ht="15" customHeight="1">
      <c r="A71" s="76"/>
      <c r="B71" s="105"/>
      <c r="C71" s="77" t="s">
        <v>144</v>
      </c>
      <c r="D71" s="179" t="s">
        <v>2</v>
      </c>
      <c r="E71" s="180" t="s">
        <v>2</v>
      </c>
      <c r="F71" s="179" t="s">
        <v>2</v>
      </c>
      <c r="G71" s="180"/>
      <c r="H71" s="179" t="s">
        <v>2</v>
      </c>
      <c r="I71" s="180" t="s">
        <v>2</v>
      </c>
      <c r="J71" s="121"/>
    </row>
    <row r="72" spans="1:10" ht="15" customHeight="1">
      <c r="A72" s="76"/>
      <c r="B72" s="105"/>
      <c r="C72" s="77"/>
      <c r="D72" s="179"/>
      <c r="E72" s="180"/>
      <c r="F72" s="179"/>
      <c r="G72" s="180"/>
      <c r="H72" s="179"/>
      <c r="I72" s="180"/>
      <c r="J72" s="121"/>
    </row>
    <row r="73" spans="1:10" ht="15" customHeight="1">
      <c r="A73" s="76"/>
      <c r="B73" s="111" t="s">
        <v>145</v>
      </c>
      <c r="C73" s="90" t="s">
        <v>315</v>
      </c>
      <c r="D73" s="179" t="s">
        <v>2</v>
      </c>
      <c r="E73" s="180" t="s">
        <v>2</v>
      </c>
      <c r="F73" s="179" t="s">
        <v>2</v>
      </c>
      <c r="G73" s="180"/>
      <c r="H73" s="179" t="s">
        <v>2</v>
      </c>
      <c r="I73" s="180" t="s">
        <v>2</v>
      </c>
      <c r="J73" s="121"/>
    </row>
    <row r="74" spans="1:10" ht="15" customHeight="1">
      <c r="A74" s="76"/>
      <c r="B74" s="105"/>
      <c r="C74" s="77" t="s">
        <v>80</v>
      </c>
      <c r="D74" s="179"/>
      <c r="E74" s="180"/>
      <c r="F74" s="179"/>
      <c r="G74" s="180"/>
      <c r="H74" s="179"/>
      <c r="I74" s="180"/>
      <c r="J74" s="121"/>
    </row>
    <row r="75" spans="1:10" ht="15" customHeight="1">
      <c r="A75" s="76"/>
      <c r="B75" s="112"/>
      <c r="C75" s="90"/>
      <c r="D75" s="179"/>
      <c r="E75" s="180"/>
      <c r="F75" s="179"/>
      <c r="G75" s="180"/>
      <c r="H75" s="179"/>
      <c r="I75" s="180"/>
      <c r="J75" s="121"/>
    </row>
    <row r="76" spans="1:10" ht="15" customHeight="1">
      <c r="A76" s="80"/>
      <c r="B76" s="86"/>
      <c r="C76" s="80"/>
      <c r="D76" s="181"/>
      <c r="E76" s="182"/>
      <c r="F76" s="181"/>
      <c r="G76" s="182"/>
      <c r="H76" s="181"/>
      <c r="I76" s="182"/>
      <c r="J76" s="122"/>
    </row>
    <row r="77" spans="1:10" ht="25.2">
      <c r="A77" s="83" t="s">
        <v>300</v>
      </c>
      <c r="B77" s="82"/>
      <c r="C77" s="83"/>
      <c r="D77" s="168"/>
      <c r="E77" s="168"/>
      <c r="F77" s="168"/>
      <c r="G77" s="168"/>
      <c r="H77" s="168"/>
      <c r="I77" s="168"/>
      <c r="J77" s="120"/>
    </row>
    <row r="78" spans="1:10" ht="15" customHeight="1">
      <c r="A78" s="286" t="s">
        <v>196</v>
      </c>
      <c r="B78" s="289" t="s">
        <v>197</v>
      </c>
      <c r="C78" s="286" t="s">
        <v>198</v>
      </c>
      <c r="D78" s="282" t="s">
        <v>389</v>
      </c>
      <c r="E78" s="282"/>
      <c r="F78" s="281" t="s">
        <v>390</v>
      </c>
      <c r="G78" s="281"/>
      <c r="H78" s="281" t="s">
        <v>391</v>
      </c>
      <c r="I78" s="281"/>
      <c r="J78" s="283" t="s">
        <v>96</v>
      </c>
    </row>
    <row r="79" spans="1:10" ht="15" customHeight="1">
      <c r="A79" s="287"/>
      <c r="B79" s="290"/>
      <c r="C79" s="287"/>
      <c r="D79" s="282"/>
      <c r="E79" s="282"/>
      <c r="F79" s="281"/>
      <c r="G79" s="281"/>
      <c r="H79" s="281"/>
      <c r="I79" s="281"/>
      <c r="J79" s="284"/>
    </row>
    <row r="80" spans="1:10" ht="15" customHeight="1">
      <c r="A80" s="288"/>
      <c r="B80" s="291"/>
      <c r="C80" s="288"/>
      <c r="D80" s="169" t="s">
        <v>393</v>
      </c>
      <c r="E80" s="170" t="s">
        <v>394</v>
      </c>
      <c r="F80" s="169" t="s">
        <v>395</v>
      </c>
      <c r="G80" s="171" t="s">
        <v>396</v>
      </c>
      <c r="H80" s="169" t="s">
        <v>393</v>
      </c>
      <c r="I80" s="171" t="s">
        <v>394</v>
      </c>
      <c r="J80" s="285"/>
    </row>
    <row r="81" spans="1:10" ht="15" customHeight="1">
      <c r="A81" s="76"/>
      <c r="B81" s="105" t="s">
        <v>172</v>
      </c>
      <c r="C81" s="77" t="s">
        <v>165</v>
      </c>
      <c r="D81" s="177" t="s">
        <v>3</v>
      </c>
      <c r="E81" s="178" t="s">
        <v>2</v>
      </c>
      <c r="F81" s="177" t="s">
        <v>2</v>
      </c>
      <c r="G81" s="178"/>
      <c r="H81" s="177" t="s">
        <v>2</v>
      </c>
      <c r="I81" s="178" t="s">
        <v>2</v>
      </c>
      <c r="J81" s="121"/>
    </row>
    <row r="82" spans="1:10" ht="15" customHeight="1">
      <c r="A82" s="76"/>
      <c r="B82" s="105"/>
      <c r="C82" s="77" t="s">
        <v>166</v>
      </c>
      <c r="D82" s="179" t="s">
        <v>2</v>
      </c>
      <c r="E82" s="180" t="s">
        <v>2</v>
      </c>
      <c r="F82" s="179" t="s">
        <v>2</v>
      </c>
      <c r="G82" s="180"/>
      <c r="H82" s="179" t="s">
        <v>2</v>
      </c>
      <c r="I82" s="180" t="s">
        <v>2</v>
      </c>
      <c r="J82" s="121"/>
    </row>
    <row r="83" spans="1:10" ht="15" customHeight="1">
      <c r="A83" s="76"/>
      <c r="B83" s="105"/>
      <c r="C83" s="77" t="s">
        <v>81</v>
      </c>
      <c r="D83" s="179"/>
      <c r="E83" s="180"/>
      <c r="F83" s="179"/>
      <c r="G83" s="180"/>
      <c r="H83" s="179"/>
      <c r="I83" s="180"/>
      <c r="J83" s="121"/>
    </row>
    <row r="84" spans="1:10" ht="15" customHeight="1">
      <c r="A84" s="76"/>
      <c r="B84" s="105"/>
      <c r="C84" s="77" t="s">
        <v>167</v>
      </c>
      <c r="D84" s="179" t="s">
        <v>2</v>
      </c>
      <c r="E84" s="180" t="s">
        <v>2</v>
      </c>
      <c r="F84" s="179" t="s">
        <v>2</v>
      </c>
      <c r="G84" s="180"/>
      <c r="H84" s="179" t="s">
        <v>2</v>
      </c>
      <c r="I84" s="180" t="s">
        <v>2</v>
      </c>
      <c r="J84" s="121"/>
    </row>
    <row r="85" spans="1:10" ht="15" customHeight="1">
      <c r="A85" s="76"/>
      <c r="B85" s="105"/>
      <c r="C85" s="77" t="s">
        <v>82</v>
      </c>
      <c r="D85" s="179"/>
      <c r="E85" s="180"/>
      <c r="F85" s="179"/>
      <c r="G85" s="180"/>
      <c r="H85" s="179"/>
      <c r="I85" s="180"/>
      <c r="J85" s="121"/>
    </row>
    <row r="86" spans="1:10" ht="15" customHeight="1">
      <c r="A86" s="76"/>
      <c r="B86" s="105"/>
      <c r="C86" s="77" t="s">
        <v>168</v>
      </c>
      <c r="D86" s="179" t="s">
        <v>2</v>
      </c>
      <c r="E86" s="180" t="s">
        <v>2</v>
      </c>
      <c r="F86" s="179" t="s">
        <v>2</v>
      </c>
      <c r="G86" s="180"/>
      <c r="H86" s="179" t="s">
        <v>2</v>
      </c>
      <c r="I86" s="180" t="s">
        <v>2</v>
      </c>
      <c r="J86" s="121"/>
    </row>
    <row r="87" spans="1:10" ht="15" customHeight="1">
      <c r="A87" s="76"/>
      <c r="B87" s="105"/>
      <c r="C87" s="77" t="s">
        <v>169</v>
      </c>
      <c r="D87" s="179" t="s">
        <v>2</v>
      </c>
      <c r="E87" s="180" t="s">
        <v>2</v>
      </c>
      <c r="F87" s="179" t="s">
        <v>2</v>
      </c>
      <c r="G87" s="180"/>
      <c r="H87" s="179" t="s">
        <v>2</v>
      </c>
      <c r="I87" s="180" t="s">
        <v>2</v>
      </c>
      <c r="J87" s="121"/>
    </row>
    <row r="88" spans="1:10" ht="15" customHeight="1">
      <c r="A88" s="76"/>
      <c r="B88" s="105"/>
      <c r="C88" s="77"/>
      <c r="D88" s="179"/>
      <c r="E88" s="180"/>
      <c r="F88" s="179"/>
      <c r="G88" s="180"/>
      <c r="H88" s="179"/>
      <c r="I88" s="180"/>
      <c r="J88" s="121"/>
    </row>
    <row r="89" spans="1:10" ht="15" customHeight="1">
      <c r="A89" s="76"/>
      <c r="B89" s="105" t="s">
        <v>108</v>
      </c>
      <c r="C89" s="77" t="s">
        <v>146</v>
      </c>
      <c r="D89" s="179" t="s">
        <v>2</v>
      </c>
      <c r="E89" s="180" t="s">
        <v>2</v>
      </c>
      <c r="F89" s="179" t="s">
        <v>2</v>
      </c>
      <c r="G89" s="180"/>
      <c r="H89" s="179" t="s">
        <v>2</v>
      </c>
      <c r="I89" s="180" t="s">
        <v>2</v>
      </c>
      <c r="J89" s="121"/>
    </row>
    <row r="90" spans="1:10" ht="15" customHeight="1">
      <c r="A90" s="76"/>
      <c r="B90" s="105"/>
      <c r="C90" s="77" t="s">
        <v>219</v>
      </c>
      <c r="D90" s="179"/>
      <c r="E90" s="180"/>
      <c r="F90" s="179"/>
      <c r="G90" s="180"/>
      <c r="H90" s="179"/>
      <c r="I90" s="180"/>
      <c r="J90" s="121"/>
    </row>
    <row r="91" spans="1:10" ht="15" customHeight="1">
      <c r="A91" s="76"/>
      <c r="B91" s="105"/>
      <c r="C91" s="77" t="s">
        <v>147</v>
      </c>
      <c r="D91" s="179" t="s">
        <v>2</v>
      </c>
      <c r="E91" s="180" t="s">
        <v>2</v>
      </c>
      <c r="F91" s="179" t="s">
        <v>2</v>
      </c>
      <c r="G91" s="180"/>
      <c r="H91" s="179" t="s">
        <v>2</v>
      </c>
      <c r="I91" s="180" t="s">
        <v>2</v>
      </c>
      <c r="J91" s="121"/>
    </row>
    <row r="92" spans="1:10" ht="15" customHeight="1">
      <c r="A92" s="76"/>
      <c r="B92" s="105"/>
      <c r="C92" s="77" t="s">
        <v>148</v>
      </c>
      <c r="D92" s="179" t="s">
        <v>2</v>
      </c>
      <c r="E92" s="180" t="s">
        <v>2</v>
      </c>
      <c r="F92" s="179" t="s">
        <v>2</v>
      </c>
      <c r="G92" s="180"/>
      <c r="H92" s="179" t="s">
        <v>2</v>
      </c>
      <c r="I92" s="180" t="s">
        <v>2</v>
      </c>
      <c r="J92" s="121"/>
    </row>
    <row r="93" spans="1:10" ht="15" customHeight="1">
      <c r="A93" s="76"/>
      <c r="B93" s="105"/>
      <c r="C93" s="77" t="s">
        <v>83</v>
      </c>
      <c r="D93" s="179" t="s">
        <v>2</v>
      </c>
      <c r="E93" s="180" t="s">
        <v>2</v>
      </c>
      <c r="F93" s="179" t="s">
        <v>2</v>
      </c>
      <c r="G93" s="180"/>
      <c r="H93" s="179" t="s">
        <v>2</v>
      </c>
      <c r="I93" s="180" t="s">
        <v>2</v>
      </c>
      <c r="J93" s="121"/>
    </row>
    <row r="94" spans="1:10" ht="15" customHeight="1">
      <c r="A94" s="76"/>
      <c r="B94" s="105"/>
      <c r="C94" s="77" t="s">
        <v>182</v>
      </c>
      <c r="D94" s="179" t="s">
        <v>2</v>
      </c>
      <c r="E94" s="180" t="s">
        <v>2</v>
      </c>
      <c r="F94" s="179" t="s">
        <v>2</v>
      </c>
      <c r="G94" s="180"/>
      <c r="H94" s="179" t="s">
        <v>2</v>
      </c>
      <c r="I94" s="180" t="s">
        <v>2</v>
      </c>
      <c r="J94" s="121"/>
    </row>
    <row r="95" spans="1:10" ht="15" customHeight="1">
      <c r="A95" s="76"/>
      <c r="B95" s="105"/>
      <c r="C95" s="77" t="s">
        <v>183</v>
      </c>
      <c r="D95" s="179" t="s">
        <v>2</v>
      </c>
      <c r="E95" s="180" t="s">
        <v>2</v>
      </c>
      <c r="F95" s="179" t="s">
        <v>2</v>
      </c>
      <c r="G95" s="180"/>
      <c r="H95" s="179" t="s">
        <v>2</v>
      </c>
      <c r="I95" s="180" t="s">
        <v>2</v>
      </c>
      <c r="J95" s="121"/>
    </row>
    <row r="96" spans="1:10" ht="15" customHeight="1">
      <c r="A96" s="76"/>
      <c r="B96" s="105"/>
      <c r="C96" s="77" t="s">
        <v>84</v>
      </c>
      <c r="D96" s="179" t="s">
        <v>2</v>
      </c>
      <c r="E96" s="180" t="s">
        <v>2</v>
      </c>
      <c r="F96" s="179" t="s">
        <v>2</v>
      </c>
      <c r="G96" s="180"/>
      <c r="H96" s="179" t="s">
        <v>2</v>
      </c>
      <c r="I96" s="180" t="s">
        <v>2</v>
      </c>
      <c r="J96" s="121"/>
    </row>
    <row r="97" spans="1:10" ht="15" customHeight="1">
      <c r="A97" s="76"/>
      <c r="B97" s="105"/>
      <c r="C97" s="77" t="s">
        <v>149</v>
      </c>
      <c r="D97" s="179" t="s">
        <v>2</v>
      </c>
      <c r="E97" s="180" t="s">
        <v>2</v>
      </c>
      <c r="F97" s="179" t="s">
        <v>2</v>
      </c>
      <c r="G97" s="180"/>
      <c r="H97" s="179" t="s">
        <v>2</v>
      </c>
      <c r="I97" s="180" t="s">
        <v>2</v>
      </c>
      <c r="J97" s="121"/>
    </row>
    <row r="98" spans="1:10" ht="15" customHeight="1">
      <c r="A98" s="76"/>
      <c r="B98" s="105"/>
      <c r="C98" s="77" t="s">
        <v>150</v>
      </c>
      <c r="D98" s="179" t="s">
        <v>2</v>
      </c>
      <c r="E98" s="180" t="s">
        <v>2</v>
      </c>
      <c r="F98" s="179" t="s">
        <v>2</v>
      </c>
      <c r="G98" s="180"/>
      <c r="H98" s="179" t="s">
        <v>2</v>
      </c>
      <c r="I98" s="180" t="s">
        <v>2</v>
      </c>
      <c r="J98" s="121"/>
    </row>
    <row r="99" spans="1:10" ht="15" customHeight="1">
      <c r="A99" s="76"/>
      <c r="B99" s="105"/>
      <c r="C99" s="77" t="s">
        <v>202</v>
      </c>
      <c r="D99" s="179"/>
      <c r="E99" s="180"/>
      <c r="F99" s="179"/>
      <c r="G99" s="180"/>
      <c r="H99" s="179"/>
      <c r="I99" s="180"/>
      <c r="J99" s="121"/>
    </row>
    <row r="100" spans="1:10" ht="15" customHeight="1">
      <c r="A100" s="76"/>
      <c r="B100" s="105"/>
      <c r="C100" s="77" t="s">
        <v>203</v>
      </c>
      <c r="D100" s="172"/>
      <c r="E100" s="173"/>
      <c r="F100" s="172"/>
      <c r="G100" s="174"/>
      <c r="H100" s="172"/>
      <c r="I100" s="174"/>
      <c r="J100" s="121"/>
    </row>
    <row r="101" spans="1:10" ht="15" customHeight="1">
      <c r="A101" s="76"/>
      <c r="B101" s="105"/>
      <c r="C101" s="77" t="s">
        <v>170</v>
      </c>
      <c r="D101" s="179" t="s">
        <v>2</v>
      </c>
      <c r="E101" s="180" t="s">
        <v>2</v>
      </c>
      <c r="F101" s="179" t="s">
        <v>2</v>
      </c>
      <c r="G101" s="180"/>
      <c r="H101" s="179" t="s">
        <v>2</v>
      </c>
      <c r="I101" s="180" t="s">
        <v>2</v>
      </c>
      <c r="J101" s="121"/>
    </row>
    <row r="102" spans="1:10" ht="15" customHeight="1">
      <c r="A102" s="76"/>
      <c r="B102" s="105"/>
      <c r="C102" s="77" t="s">
        <v>171</v>
      </c>
      <c r="D102" s="179" t="s">
        <v>2</v>
      </c>
      <c r="E102" s="180" t="s">
        <v>2</v>
      </c>
      <c r="F102" s="179" t="s">
        <v>2</v>
      </c>
      <c r="G102" s="180"/>
      <c r="H102" s="179" t="s">
        <v>2</v>
      </c>
      <c r="I102" s="180" t="s">
        <v>2</v>
      </c>
      <c r="J102" s="121"/>
    </row>
    <row r="103" spans="1:10" ht="15" customHeight="1">
      <c r="A103" s="76"/>
      <c r="B103" s="105"/>
      <c r="C103" s="77" t="s">
        <v>85</v>
      </c>
      <c r="D103" s="179"/>
      <c r="E103" s="180"/>
      <c r="F103" s="179"/>
      <c r="G103" s="180"/>
      <c r="H103" s="179"/>
      <c r="I103" s="180"/>
      <c r="J103" s="121"/>
    </row>
    <row r="104" spans="1:10" ht="15" customHeight="1">
      <c r="A104" s="76"/>
      <c r="B104" s="105"/>
      <c r="C104" s="77"/>
      <c r="D104" s="179"/>
      <c r="E104" s="180"/>
      <c r="F104" s="179"/>
      <c r="G104" s="180"/>
      <c r="H104" s="179"/>
      <c r="I104" s="180"/>
      <c r="J104" s="121"/>
    </row>
    <row r="105" spans="1:10" ht="15" customHeight="1">
      <c r="A105" s="76"/>
      <c r="B105" s="111" t="s">
        <v>240</v>
      </c>
      <c r="C105" s="77" t="s">
        <v>263</v>
      </c>
      <c r="D105" s="179" t="s">
        <v>2</v>
      </c>
      <c r="E105" s="180" t="s">
        <v>2</v>
      </c>
      <c r="F105" s="179" t="s">
        <v>2</v>
      </c>
      <c r="G105" s="180"/>
      <c r="H105" s="179" t="s">
        <v>2</v>
      </c>
      <c r="I105" s="180" t="s">
        <v>2</v>
      </c>
      <c r="J105" s="121"/>
    </row>
    <row r="106" spans="1:10" ht="15" customHeight="1">
      <c r="A106" s="76"/>
      <c r="B106" s="36"/>
      <c r="C106" s="77" t="s">
        <v>151</v>
      </c>
      <c r="D106" s="179" t="s">
        <v>2</v>
      </c>
      <c r="E106" s="180" t="s">
        <v>2</v>
      </c>
      <c r="F106" s="179" t="s">
        <v>2</v>
      </c>
      <c r="G106" s="180"/>
      <c r="H106" s="179" t="s">
        <v>2</v>
      </c>
      <c r="I106" s="180" t="s">
        <v>2</v>
      </c>
      <c r="J106" s="121"/>
    </row>
    <row r="107" spans="1:10" ht="15" customHeight="1">
      <c r="A107" s="76"/>
      <c r="B107" s="87"/>
      <c r="C107" s="77" t="s">
        <v>86</v>
      </c>
      <c r="D107" s="179" t="s">
        <v>2</v>
      </c>
      <c r="E107" s="180" t="s">
        <v>2</v>
      </c>
      <c r="F107" s="179" t="s">
        <v>2</v>
      </c>
      <c r="G107" s="180"/>
      <c r="H107" s="179" t="s">
        <v>2</v>
      </c>
      <c r="I107" s="180" t="s">
        <v>2</v>
      </c>
      <c r="J107" s="121"/>
    </row>
    <row r="108" spans="1:10" ht="15" customHeight="1">
      <c r="A108" s="76"/>
      <c r="B108" s="87"/>
      <c r="C108" s="77" t="s">
        <v>87</v>
      </c>
      <c r="D108" s="179"/>
      <c r="E108" s="180"/>
      <c r="F108" s="179"/>
      <c r="G108" s="180"/>
      <c r="H108" s="179"/>
      <c r="I108" s="180"/>
      <c r="J108" s="121"/>
    </row>
    <row r="109" spans="1:10" ht="15" customHeight="1">
      <c r="A109" s="76"/>
      <c r="B109" s="87"/>
      <c r="C109" s="90" t="s">
        <v>312</v>
      </c>
      <c r="D109" s="179" t="s">
        <v>2</v>
      </c>
      <c r="E109" s="180" t="s">
        <v>2</v>
      </c>
      <c r="F109" s="179" t="s">
        <v>2</v>
      </c>
      <c r="G109" s="180"/>
      <c r="H109" s="179" t="s">
        <v>2</v>
      </c>
      <c r="I109" s="180" t="s">
        <v>2</v>
      </c>
      <c r="J109" s="121"/>
    </row>
    <row r="110" spans="1:10" ht="15" customHeight="1">
      <c r="A110" s="76"/>
      <c r="B110" s="87"/>
      <c r="C110" s="77"/>
      <c r="D110" s="179"/>
      <c r="E110" s="180"/>
      <c r="F110" s="179"/>
      <c r="G110" s="180"/>
      <c r="H110" s="179"/>
      <c r="I110" s="180"/>
      <c r="J110" s="121"/>
    </row>
    <row r="111" spans="1:10" ht="15" customHeight="1">
      <c r="A111" s="76"/>
      <c r="B111" s="85"/>
      <c r="C111" s="76"/>
      <c r="D111" s="179"/>
      <c r="E111" s="180"/>
      <c r="F111" s="179"/>
      <c r="G111" s="180"/>
      <c r="H111" s="179"/>
      <c r="I111" s="180"/>
      <c r="J111" s="121"/>
    </row>
    <row r="112" spans="1:10" ht="15" customHeight="1">
      <c r="A112" s="80"/>
      <c r="B112" s="86"/>
      <c r="C112" s="80"/>
      <c r="D112" s="181"/>
      <c r="E112" s="182"/>
      <c r="F112" s="181"/>
      <c r="G112" s="182"/>
      <c r="H112" s="181"/>
      <c r="I112" s="182"/>
      <c r="J112" s="122"/>
    </row>
  </sheetData>
  <mergeCells count="14">
    <mergeCell ref="A78:A80"/>
    <mergeCell ref="B78:B80"/>
    <mergeCell ref="C78:C80"/>
    <mergeCell ref="A42:A44"/>
    <mergeCell ref="B42:B44"/>
    <mergeCell ref="C42:C44"/>
    <mergeCell ref="D78:E79"/>
    <mergeCell ref="F78:G79"/>
    <mergeCell ref="H78:I79"/>
    <mergeCell ref="J78:J80"/>
    <mergeCell ref="D42:E43"/>
    <mergeCell ref="F42:G43"/>
    <mergeCell ref="H42:I43"/>
    <mergeCell ref="J42:J44"/>
  </mergeCells>
  <phoneticPr fontId="7"/>
  <pageMargins left="0.59055118110236227" right="0.59055118110236227" top="0.59055118110236227" bottom="0.59055118110236227" header="0.51181102362204722" footer="0.51181102362204722"/>
  <pageSetup paperSize="9" firstPageNumber="29" orientation="landscape" useFirstPageNumber="1" r:id="rId1"/>
  <headerFooter alignWithMargins="0">
    <oddFooter>&amp;C－&amp;P－</oddFooter>
  </headerFooter>
  <rowBreaks count="2" manualBreakCount="2">
    <brk id="40" max="16383" man="1"/>
    <brk id="76" max="16383"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4:I74"/>
  <sheetViews>
    <sheetView workbookViewId="0">
      <selection activeCell="G22" sqref="G22"/>
    </sheetView>
  </sheetViews>
  <sheetFormatPr defaultRowHeight="13.2"/>
  <cols>
    <col min="1" max="1" width="7.6640625" customWidth="1"/>
    <col min="2" max="2" width="11.6640625" customWidth="1"/>
    <col min="8" max="8" width="11.6640625" customWidth="1"/>
    <col min="9" max="9" width="4.6640625" customWidth="1"/>
  </cols>
  <sheetData>
    <row r="14" spans="1:9" ht="24" customHeight="1">
      <c r="A14" s="25" t="s">
        <v>448</v>
      </c>
      <c r="B14" s="2"/>
      <c r="C14" s="2"/>
      <c r="D14" s="2"/>
      <c r="E14" s="2"/>
      <c r="F14" s="2"/>
      <c r="G14" s="2"/>
      <c r="H14" s="2"/>
      <c r="I14" s="2"/>
    </row>
    <row r="21" spans="3:7" ht="13.5" customHeight="1">
      <c r="C21" s="116"/>
      <c r="D21" s="116"/>
      <c r="E21" s="116"/>
      <c r="F21" s="116"/>
      <c r="G21" s="116"/>
    </row>
    <row r="22" spans="3:7" ht="13.5" customHeight="1">
      <c r="C22" s="116"/>
      <c r="D22" s="116"/>
      <c r="E22" s="116"/>
      <c r="F22" s="116"/>
      <c r="G22" s="116"/>
    </row>
    <row r="23" spans="3:7" ht="13.5" customHeight="1">
      <c r="C23" s="116"/>
      <c r="D23" s="116"/>
      <c r="E23" s="116"/>
      <c r="F23" s="116"/>
      <c r="G23" s="116"/>
    </row>
    <row r="24" spans="3:7" ht="13.5" customHeight="1">
      <c r="C24" s="116"/>
      <c r="D24" s="116"/>
      <c r="E24" s="116"/>
      <c r="F24" s="116"/>
      <c r="G24" s="116"/>
    </row>
    <row r="25" spans="3:7" ht="13.5" customHeight="1">
      <c r="C25" s="116"/>
      <c r="D25" s="116"/>
      <c r="E25" s="116"/>
      <c r="F25" s="116"/>
      <c r="G25" s="116"/>
    </row>
    <row r="29" spans="3:7" ht="12" customHeight="1"/>
    <row r="38" spans="1:9" ht="24.9" customHeight="1">
      <c r="A38" s="255" t="s">
        <v>447</v>
      </c>
      <c r="B38" s="256"/>
      <c r="C38" s="256"/>
      <c r="D38" s="256"/>
      <c r="E38" s="256"/>
      <c r="F38" s="256"/>
      <c r="G38" s="256"/>
      <c r="H38" s="256"/>
      <c r="I38" s="256"/>
    </row>
    <row r="39" spans="1:9" ht="13.5" customHeight="1">
      <c r="A39" s="5"/>
      <c r="D39" s="6"/>
      <c r="E39" s="4"/>
      <c r="F39" s="2"/>
      <c r="G39" s="2"/>
      <c r="H39" s="2"/>
      <c r="I39" s="2"/>
    </row>
    <row r="40" spans="1:9" ht="13.5" customHeight="1">
      <c r="A40" s="5"/>
      <c r="D40" s="6"/>
      <c r="E40" s="4"/>
      <c r="F40" s="2"/>
      <c r="G40" s="2"/>
      <c r="H40" s="2"/>
      <c r="I40" s="2"/>
    </row>
    <row r="41" spans="1:9" ht="13.5" customHeight="1">
      <c r="A41" s="5"/>
      <c r="D41" s="6"/>
      <c r="E41" s="4"/>
      <c r="F41" s="2"/>
      <c r="G41" s="2"/>
      <c r="H41" s="2"/>
      <c r="I41" s="2"/>
    </row>
    <row r="42" spans="1:9" ht="13.5" customHeight="1"/>
    <row r="43" spans="1:9" ht="24.9" customHeight="1">
      <c r="A43" s="255" t="s">
        <v>102</v>
      </c>
      <c r="B43" s="255"/>
      <c r="C43" s="255"/>
      <c r="D43" s="255"/>
      <c r="E43" s="255"/>
      <c r="F43" s="255"/>
      <c r="G43" s="255"/>
      <c r="H43" s="255"/>
      <c r="I43" s="255"/>
    </row>
    <row r="44" spans="1:9" ht="24.9" customHeight="1">
      <c r="A44" s="255" t="s">
        <v>446</v>
      </c>
      <c r="B44" s="255"/>
      <c r="C44" s="255"/>
      <c r="D44" s="255"/>
      <c r="E44" s="255"/>
      <c r="F44" s="255"/>
      <c r="G44" s="255"/>
      <c r="H44" s="255"/>
      <c r="I44" s="255"/>
    </row>
    <row r="45" spans="1:9" ht="20.25" customHeight="1">
      <c r="A45" s="3"/>
      <c r="B45" s="3"/>
      <c r="C45" s="3"/>
      <c r="D45" s="3"/>
      <c r="E45" s="3"/>
      <c r="F45" s="3"/>
      <c r="G45" s="3"/>
      <c r="H45" s="3"/>
      <c r="I45" s="3"/>
    </row>
    <row r="48" spans="1:9" ht="25.8">
      <c r="A48" s="254" t="s">
        <v>116</v>
      </c>
      <c r="B48" s="254"/>
      <c r="C48" s="254"/>
      <c r="D48" s="254"/>
      <c r="E48" s="254"/>
      <c r="F48" s="254"/>
      <c r="G48" s="254"/>
      <c r="H48" s="254"/>
      <c r="I48" s="254"/>
    </row>
    <row r="49" spans="1:9" ht="35.25" customHeight="1">
      <c r="A49" s="68"/>
      <c r="B49" s="68"/>
      <c r="C49" s="68"/>
      <c r="D49" s="68"/>
      <c r="E49" s="68"/>
      <c r="F49" s="68"/>
      <c r="G49" s="68"/>
      <c r="H49" s="68"/>
      <c r="I49" s="68"/>
    </row>
    <row r="50" spans="1:9" ht="34.5" customHeight="1">
      <c r="A50" s="68"/>
      <c r="B50" s="68"/>
      <c r="C50" s="68"/>
      <c r="D50" s="68"/>
      <c r="E50" s="68"/>
      <c r="F50" s="68"/>
      <c r="G50" s="68"/>
      <c r="H50" s="68"/>
      <c r="I50" s="68"/>
    </row>
    <row r="51" spans="1:9" ht="15.9" customHeight="1">
      <c r="A51" s="68"/>
      <c r="B51" s="35" t="s">
        <v>225</v>
      </c>
      <c r="C51" s="35"/>
      <c r="D51" s="68"/>
      <c r="E51" s="68"/>
      <c r="F51" s="68"/>
      <c r="G51" s="68"/>
      <c r="H51" s="68"/>
      <c r="I51" s="68">
        <v>1</v>
      </c>
    </row>
    <row r="52" spans="1:9" ht="15.9" customHeight="1">
      <c r="A52" s="68"/>
      <c r="B52" s="35"/>
      <c r="C52" s="35"/>
      <c r="D52" s="68"/>
      <c r="E52" s="68"/>
      <c r="F52" s="68"/>
      <c r="G52" s="68"/>
      <c r="H52" s="68"/>
      <c r="I52" s="68"/>
    </row>
    <row r="53" spans="1:9" ht="18.75" customHeight="1">
      <c r="A53" s="68"/>
      <c r="B53" s="35" t="s">
        <v>114</v>
      </c>
      <c r="C53" s="35"/>
      <c r="D53" s="68"/>
      <c r="E53" s="68"/>
      <c r="F53" s="68"/>
      <c r="G53" s="68"/>
      <c r="H53" s="68"/>
      <c r="I53" s="68">
        <v>2</v>
      </c>
    </row>
    <row r="54" spans="1:9" ht="20.100000000000001" customHeight="1">
      <c r="A54" s="68"/>
      <c r="B54" s="61" t="s">
        <v>111</v>
      </c>
      <c r="C54" s="35"/>
      <c r="D54" s="68"/>
      <c r="E54" s="68"/>
      <c r="F54" s="68"/>
      <c r="G54" s="68"/>
      <c r="H54" s="68"/>
      <c r="I54" s="68">
        <v>2</v>
      </c>
    </row>
    <row r="55" spans="1:9" ht="20.100000000000001" customHeight="1">
      <c r="A55" s="68"/>
      <c r="B55" s="61" t="s">
        <v>462</v>
      </c>
      <c r="C55" s="35"/>
      <c r="D55" s="68"/>
      <c r="E55" s="68"/>
      <c r="F55" s="68"/>
      <c r="G55" s="68"/>
      <c r="H55" s="68"/>
      <c r="I55" s="68">
        <v>3</v>
      </c>
    </row>
    <row r="56" spans="1:9" ht="20.100000000000001" customHeight="1">
      <c r="A56" s="68"/>
      <c r="B56" s="61" t="s">
        <v>112</v>
      </c>
      <c r="C56" s="35"/>
      <c r="D56" s="68"/>
      <c r="E56" s="68"/>
      <c r="F56" s="68"/>
      <c r="G56" s="68"/>
      <c r="H56" s="68"/>
      <c r="I56" s="68">
        <v>5</v>
      </c>
    </row>
    <row r="57" spans="1:9" ht="20.100000000000001" customHeight="1">
      <c r="A57" s="68"/>
      <c r="B57" s="61" t="s">
        <v>95</v>
      </c>
      <c r="C57" s="35"/>
      <c r="D57" s="68"/>
      <c r="E57" s="68"/>
      <c r="F57" s="68"/>
      <c r="G57" s="68"/>
      <c r="H57" s="68"/>
      <c r="I57" s="68">
        <v>5</v>
      </c>
    </row>
    <row r="58" spans="1:9" ht="20.100000000000001" customHeight="1">
      <c r="A58" s="68"/>
      <c r="B58" s="61"/>
      <c r="C58" s="35"/>
      <c r="D58" s="68"/>
      <c r="E58" s="68"/>
      <c r="F58" s="68"/>
      <c r="G58" s="68"/>
      <c r="H58" s="68"/>
      <c r="I58" s="68"/>
    </row>
    <row r="59" spans="1:9" ht="15.9" customHeight="1">
      <c r="A59" s="68"/>
      <c r="B59" s="35" t="s">
        <v>301</v>
      </c>
      <c r="C59" s="35"/>
      <c r="D59" s="68"/>
      <c r="E59" s="68"/>
      <c r="F59" s="68"/>
      <c r="G59" s="68"/>
      <c r="H59" s="68"/>
      <c r="I59" s="68">
        <v>6</v>
      </c>
    </row>
    <row r="60" spans="1:9" ht="15.9" customHeight="1">
      <c r="A60" s="68"/>
      <c r="B60" s="35"/>
      <c r="C60" s="35"/>
      <c r="D60" s="68"/>
      <c r="E60" s="68"/>
      <c r="F60" s="68"/>
      <c r="G60" s="68"/>
      <c r="H60" s="68"/>
      <c r="I60" s="68"/>
    </row>
    <row r="61" spans="1:9" ht="15.9" customHeight="1">
      <c r="A61" s="68"/>
      <c r="B61" s="35"/>
      <c r="C61" s="35"/>
      <c r="D61" s="68"/>
      <c r="E61" s="68"/>
      <c r="F61" s="68"/>
      <c r="G61" s="68"/>
      <c r="H61" s="68"/>
      <c r="I61" s="68"/>
    </row>
    <row r="62" spans="1:9" ht="15.9" customHeight="1">
      <c r="A62" s="68"/>
      <c r="B62" s="35"/>
      <c r="C62" s="35"/>
      <c r="D62" s="68"/>
      <c r="E62" s="68"/>
      <c r="F62" s="68"/>
      <c r="G62" s="68"/>
      <c r="H62" s="68"/>
      <c r="I62" s="68"/>
    </row>
    <row r="63" spans="1:9" ht="15.9" customHeight="1">
      <c r="A63" s="68"/>
      <c r="B63" s="35"/>
      <c r="C63" s="35"/>
      <c r="D63" s="68"/>
      <c r="E63" s="68"/>
      <c r="F63" s="68"/>
      <c r="G63" s="68"/>
      <c r="H63" s="68"/>
      <c r="I63" s="68"/>
    </row>
    <row r="64" spans="1:9" ht="15.9" customHeight="1">
      <c r="A64" s="68"/>
      <c r="B64" s="35"/>
      <c r="C64" s="35"/>
      <c r="D64" s="68"/>
      <c r="E64" s="68"/>
      <c r="F64" s="68"/>
      <c r="G64" s="68"/>
      <c r="H64" s="68"/>
      <c r="I64" s="68"/>
    </row>
    <row r="65" spans="1:9" ht="15.9" customHeight="1">
      <c r="A65" s="68"/>
      <c r="B65" s="35"/>
      <c r="C65" s="35"/>
      <c r="D65" s="68"/>
      <c r="E65" s="68"/>
      <c r="F65" s="68"/>
      <c r="G65" s="68"/>
      <c r="H65" s="68"/>
      <c r="I65" s="68"/>
    </row>
    <row r="66" spans="1:9" ht="15.9" customHeight="1">
      <c r="A66" s="68"/>
      <c r="B66" s="35"/>
      <c r="C66" s="35"/>
      <c r="D66" s="68"/>
      <c r="E66" s="68"/>
      <c r="F66" s="68"/>
      <c r="G66" s="68"/>
      <c r="H66" s="68"/>
      <c r="I66" s="68"/>
    </row>
    <row r="67" spans="1:9" ht="15.9" customHeight="1">
      <c r="A67" s="68"/>
      <c r="B67" s="69"/>
      <c r="C67" s="35"/>
      <c r="D67" s="68"/>
      <c r="E67" s="68"/>
      <c r="F67" s="68"/>
      <c r="G67" s="68"/>
      <c r="H67" s="68"/>
      <c r="I67" s="68"/>
    </row>
    <row r="68" spans="1:9" ht="15.9" customHeight="1">
      <c r="A68" s="68"/>
      <c r="B68" s="35"/>
      <c r="C68" s="35"/>
      <c r="D68" s="68"/>
      <c r="E68" s="68"/>
      <c r="F68" s="68"/>
      <c r="G68" s="68"/>
      <c r="H68" s="68"/>
      <c r="I68" s="68"/>
    </row>
    <row r="69" spans="1:9" ht="15.9" customHeight="1">
      <c r="A69" s="68"/>
      <c r="B69" s="35"/>
      <c r="C69" s="35"/>
      <c r="D69" s="68"/>
      <c r="E69" s="68"/>
      <c r="F69" s="68"/>
      <c r="G69" s="68"/>
      <c r="H69" s="68"/>
      <c r="I69" s="68"/>
    </row>
    <row r="70" spans="1:9" ht="15.9" customHeight="1">
      <c r="A70" s="68"/>
      <c r="B70" s="69"/>
      <c r="C70" s="35"/>
      <c r="D70" s="68"/>
      <c r="E70" s="68"/>
      <c r="F70" s="68"/>
      <c r="G70" s="68"/>
      <c r="H70" s="68"/>
      <c r="I70" s="68"/>
    </row>
    <row r="71" spans="1:9" ht="15.9" customHeight="1">
      <c r="A71" s="68"/>
      <c r="B71" s="35"/>
      <c r="C71" s="35"/>
      <c r="D71" s="68"/>
      <c r="E71" s="68"/>
      <c r="F71" s="68"/>
      <c r="G71" s="68"/>
      <c r="H71" s="68"/>
      <c r="I71" s="68"/>
    </row>
    <row r="72" spans="1:9" ht="15.9" customHeight="1">
      <c r="A72" s="68"/>
      <c r="B72" s="35"/>
      <c r="C72" s="35"/>
      <c r="D72" s="68"/>
      <c r="E72" s="68"/>
      <c r="F72" s="68"/>
      <c r="G72" s="68"/>
      <c r="H72" s="68"/>
      <c r="I72" s="68"/>
    </row>
    <row r="73" spans="1:9">
      <c r="A73" s="68"/>
      <c r="B73" s="68"/>
      <c r="C73" s="68"/>
      <c r="D73" s="68"/>
      <c r="E73" s="68"/>
      <c r="F73" s="68"/>
      <c r="G73" s="68"/>
      <c r="H73" s="68"/>
      <c r="I73" s="68"/>
    </row>
    <row r="74" spans="1:9" ht="14.4">
      <c r="A74" s="68"/>
      <c r="B74" s="35"/>
      <c r="C74" s="68"/>
      <c r="D74" s="68"/>
      <c r="E74" s="68"/>
      <c r="F74" s="68"/>
      <c r="G74" s="68"/>
      <c r="H74" s="68"/>
      <c r="I74" s="68"/>
    </row>
  </sheetData>
  <mergeCells count="4">
    <mergeCell ref="A38:I38"/>
    <mergeCell ref="A43:I43"/>
    <mergeCell ref="A44:I44"/>
    <mergeCell ref="A48:I48"/>
  </mergeCells>
  <phoneticPr fontId="7"/>
  <pageMargins left="0.7" right="0.7" top="0.75" bottom="0.75" header="0.3" footer="0.3"/>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9"/>
  <sheetViews>
    <sheetView view="pageBreakPreview" topLeftCell="A17" zoomScaleNormal="100" zoomScaleSheetLayoutView="100" workbookViewId="0">
      <selection activeCell="F44" sqref="F44"/>
    </sheetView>
  </sheetViews>
  <sheetFormatPr defaultRowHeight="13.2"/>
  <cols>
    <col min="1" max="1" width="5.77734375" bestFit="1" customWidth="1"/>
    <col min="2" max="2" width="9" style="5" customWidth="1"/>
    <col min="3" max="3" width="4.44140625" style="5" bestFit="1" customWidth="1"/>
    <col min="4" max="4" width="3.44140625" bestFit="1" customWidth="1"/>
  </cols>
  <sheetData>
    <row r="1" spans="1:11" s="7" customFormat="1" ht="18" customHeight="1">
      <c r="E1" s="62" t="s">
        <v>435</v>
      </c>
    </row>
    <row r="4" spans="1:11">
      <c r="B4" s="75" t="s">
        <v>436</v>
      </c>
    </row>
    <row r="5" spans="1:11" ht="20.100000000000001" customHeight="1">
      <c r="A5" s="74" t="s">
        <v>70</v>
      </c>
      <c r="B5" s="70" t="s">
        <v>439</v>
      </c>
      <c r="C5" s="7">
        <v>1</v>
      </c>
      <c r="D5" s="7">
        <v>72</v>
      </c>
      <c r="E5" s="71" t="str">
        <f t="shared" ref="E5:E10" si="0">MIDB(B$5,C5,D5)</f>
        <v>　請負契約の基本は、設計図書に基づき工事を施工することである。しかし、土</v>
      </c>
      <c r="G5" s="70"/>
      <c r="H5" s="70"/>
      <c r="I5" s="70"/>
      <c r="J5" s="70"/>
      <c r="K5" s="70"/>
    </row>
    <row r="6" spans="1:11" ht="20.100000000000001" customHeight="1">
      <c r="B6" s="72"/>
      <c r="C6">
        <f>C5+D5</f>
        <v>73</v>
      </c>
      <c r="D6">
        <v>72</v>
      </c>
      <c r="E6" s="71" t="str">
        <f t="shared" si="0"/>
        <v>木工事の特性からその設計図書は完全なものとはならず設計図書と工事現場の状</v>
      </c>
      <c r="F6" s="71"/>
      <c r="G6" s="70"/>
      <c r="H6" s="70"/>
      <c r="I6" s="70"/>
      <c r="J6" s="70"/>
      <c r="K6" s="70"/>
    </row>
    <row r="7" spans="1:11" ht="20.100000000000001" customHeight="1">
      <c r="B7" s="72"/>
      <c r="C7">
        <f>C6+D6</f>
        <v>145</v>
      </c>
      <c r="D7" s="7">
        <v>72</v>
      </c>
      <c r="E7" s="71" t="str">
        <f t="shared" si="0"/>
        <v>態が異なったり、設計図書に示された施工条件が実際と一致しなかったり、設計</v>
      </c>
      <c r="F7" s="71"/>
      <c r="G7" s="70"/>
      <c r="H7" s="70"/>
      <c r="I7" s="70"/>
      <c r="J7" s="70"/>
      <c r="K7" s="70"/>
    </row>
    <row r="8" spans="1:11" ht="20.100000000000001" customHeight="1">
      <c r="B8" s="72"/>
      <c r="C8">
        <f>C7+D7</f>
        <v>217</v>
      </c>
      <c r="D8" s="7">
        <v>72</v>
      </c>
      <c r="E8" s="71" t="str">
        <f t="shared" si="0"/>
        <v xml:space="preserve">図書で想定していなかった条件が発生したりすることがしばしば起こる。
</v>
      </c>
      <c r="F8" s="71"/>
      <c r="G8" s="70"/>
      <c r="H8" s="70"/>
      <c r="I8" s="70"/>
      <c r="J8" s="70"/>
      <c r="K8" s="70"/>
    </row>
    <row r="9" spans="1:11" ht="20.100000000000001" hidden="1" customHeight="1">
      <c r="B9" s="72"/>
      <c r="C9">
        <f>C8+D8</f>
        <v>289</v>
      </c>
      <c r="D9" s="7">
        <v>72</v>
      </c>
      <c r="E9" s="71" t="str">
        <f t="shared" si="0"/>
        <v/>
      </c>
      <c r="F9" s="71"/>
      <c r="G9" s="70"/>
      <c r="H9" s="70"/>
      <c r="I9" s="70"/>
      <c r="J9" s="70"/>
      <c r="K9" s="70"/>
    </row>
    <row r="10" spans="1:11" ht="14.25" hidden="1" customHeight="1">
      <c r="B10" s="72"/>
      <c r="C10">
        <f>C9+D9</f>
        <v>361</v>
      </c>
      <c r="D10" s="7">
        <v>72</v>
      </c>
      <c r="E10" s="71" t="str">
        <f t="shared" si="0"/>
        <v/>
      </c>
      <c r="F10" s="71"/>
      <c r="G10" s="70"/>
      <c r="H10" s="70"/>
      <c r="I10" s="70"/>
      <c r="J10" s="70"/>
      <c r="K10" s="70"/>
    </row>
    <row r="11" spans="1:11" ht="20.100000000000001" customHeight="1">
      <c r="A11" s="74" t="s">
        <v>71</v>
      </c>
      <c r="B11" s="70" t="s">
        <v>474</v>
      </c>
      <c r="C11" s="7">
        <v>1</v>
      </c>
      <c r="D11" s="7">
        <v>72</v>
      </c>
      <c r="E11" s="71" t="str">
        <f>MIDB(B$11,C11,D11)</f>
        <v>　このような場合には、富山市建設工事請負契約約款第１８条（条件変更等）及</v>
      </c>
      <c r="F11" s="71"/>
      <c r="G11" s="70"/>
      <c r="H11" s="70"/>
      <c r="I11" s="70"/>
      <c r="J11" s="70"/>
      <c r="K11" s="70"/>
    </row>
    <row r="12" spans="1:11" ht="20.100000000000001" customHeight="1">
      <c r="B12" s="72"/>
      <c r="C12">
        <f>C11+D11</f>
        <v>73</v>
      </c>
      <c r="D12">
        <v>72</v>
      </c>
      <c r="E12" s="71" t="str">
        <f>MIDB(B$11,C12,D12)</f>
        <v>び第１９条（設計図書の変更）に基づき受注者と発注者の間で契約上の手続きが</v>
      </c>
      <c r="F12" s="71"/>
      <c r="G12" s="70"/>
      <c r="H12" s="70"/>
      <c r="I12" s="70"/>
      <c r="J12" s="70"/>
      <c r="K12" s="70"/>
    </row>
    <row r="13" spans="1:11" ht="20.100000000000001" customHeight="1">
      <c r="B13" s="72"/>
      <c r="C13">
        <f>C12+D12</f>
        <v>145</v>
      </c>
      <c r="D13" s="7">
        <v>72</v>
      </c>
      <c r="E13" s="71" t="str">
        <f>MIDB(B$11,C13,D13)</f>
        <v xml:space="preserve">行われる。
</v>
      </c>
      <c r="F13" s="71"/>
      <c r="G13" s="70"/>
      <c r="H13" s="70"/>
      <c r="I13" s="70"/>
      <c r="J13" s="70"/>
      <c r="K13" s="70"/>
    </row>
    <row r="14" spans="1:11" ht="14.25" hidden="1" customHeight="1">
      <c r="B14" s="72"/>
      <c r="C14">
        <f>C13+D13</f>
        <v>217</v>
      </c>
      <c r="D14" s="7">
        <v>72</v>
      </c>
      <c r="E14" s="71" t="str">
        <f>MIDB(B$11,C14,D14)</f>
        <v/>
      </c>
      <c r="F14" s="71"/>
      <c r="G14" s="70"/>
      <c r="H14" s="70"/>
      <c r="I14" s="70"/>
      <c r="J14" s="70"/>
      <c r="K14" s="70"/>
    </row>
    <row r="15" spans="1:11" ht="14.25" hidden="1" customHeight="1">
      <c r="B15" s="72"/>
      <c r="C15">
        <f>C14+D14</f>
        <v>289</v>
      </c>
      <c r="D15" s="7">
        <v>72</v>
      </c>
      <c r="E15" s="71"/>
      <c r="F15" s="71"/>
      <c r="G15" s="70"/>
      <c r="H15" s="70"/>
      <c r="I15" s="70"/>
      <c r="J15" s="70"/>
      <c r="K15" s="70"/>
    </row>
    <row r="16" spans="1:11" ht="14.25" hidden="1" customHeight="1">
      <c r="B16" s="72"/>
      <c r="C16">
        <f>C15+D15</f>
        <v>361</v>
      </c>
      <c r="D16" s="7">
        <v>72</v>
      </c>
      <c r="E16" s="71"/>
      <c r="F16" s="71"/>
      <c r="G16" s="70"/>
      <c r="H16" s="70"/>
      <c r="I16" s="70"/>
      <c r="J16" s="70"/>
      <c r="K16" s="70"/>
    </row>
    <row r="17" spans="1:11" ht="20.100000000000001" customHeight="1">
      <c r="A17" s="74" t="s">
        <v>72</v>
      </c>
      <c r="B17" s="72" t="s">
        <v>437</v>
      </c>
      <c r="C17" s="7">
        <v>1</v>
      </c>
      <c r="D17" s="7">
        <v>72</v>
      </c>
      <c r="E17" s="71" t="str">
        <f>MIDB(B$17,C17,D17)</f>
        <v>　つまり、</v>
      </c>
      <c r="F17" s="71"/>
      <c r="G17" s="70"/>
      <c r="H17" s="70"/>
      <c r="I17" s="70"/>
      <c r="J17" s="70"/>
      <c r="K17" s="70"/>
    </row>
    <row r="18" spans="1:11" ht="20.100000000000001" customHeight="1">
      <c r="A18" s="74" t="s">
        <v>73</v>
      </c>
      <c r="B18" s="72" t="s">
        <v>327</v>
      </c>
      <c r="C18" s="7">
        <v>1</v>
      </c>
      <c r="D18" s="7">
        <v>72</v>
      </c>
      <c r="E18" s="249" t="str">
        <f t="shared" ref="E18:E23" si="1">MIDB(B$18,C18,D18)</f>
        <v>　①「設計図書と工事現場の不一致、設計図書の誤り又は脱漏、予期し得ない施</v>
      </c>
      <c r="F18" s="71"/>
      <c r="G18" s="70"/>
      <c r="H18" s="70"/>
      <c r="I18" s="70"/>
      <c r="J18" s="70"/>
      <c r="K18" s="70"/>
    </row>
    <row r="19" spans="1:11" ht="20.100000000000001" customHeight="1">
      <c r="B19" s="72"/>
      <c r="C19">
        <f>C18+D18</f>
        <v>73</v>
      </c>
      <c r="D19">
        <v>70</v>
      </c>
      <c r="E19" s="249" t="str">
        <f>"　　"&amp;MIDB(B$18,C19,D19)</f>
        <v>　　工条件が認められた場合。」</v>
      </c>
      <c r="F19" s="71"/>
      <c r="G19" s="70"/>
      <c r="H19" s="70"/>
      <c r="I19" s="70"/>
      <c r="J19" s="70"/>
      <c r="K19" s="70"/>
    </row>
    <row r="20" spans="1:11" ht="14.25" hidden="1" customHeight="1">
      <c r="B20" s="72"/>
      <c r="C20">
        <f>C19+D19</f>
        <v>143</v>
      </c>
      <c r="D20" s="7">
        <v>72</v>
      </c>
      <c r="E20" s="249" t="str">
        <f t="shared" si="1"/>
        <v/>
      </c>
      <c r="F20" s="71"/>
      <c r="G20" s="70"/>
      <c r="H20" s="70"/>
      <c r="I20" s="70"/>
      <c r="J20" s="70"/>
      <c r="K20" s="70"/>
    </row>
    <row r="21" spans="1:11" ht="14.25" hidden="1" customHeight="1">
      <c r="B21" s="72"/>
      <c r="C21">
        <f>C20+D20</f>
        <v>215</v>
      </c>
      <c r="D21" s="7">
        <v>72</v>
      </c>
      <c r="E21" s="249" t="str">
        <f t="shared" si="1"/>
        <v/>
      </c>
      <c r="F21" s="71"/>
      <c r="G21" s="70"/>
      <c r="H21" s="70"/>
      <c r="I21" s="70"/>
      <c r="J21" s="70"/>
      <c r="K21" s="70"/>
    </row>
    <row r="22" spans="1:11" ht="14.25" hidden="1" customHeight="1">
      <c r="B22" s="72"/>
      <c r="C22">
        <f>C21+D21</f>
        <v>287</v>
      </c>
      <c r="D22" s="7">
        <v>72</v>
      </c>
      <c r="E22" s="249" t="str">
        <f t="shared" si="1"/>
        <v/>
      </c>
      <c r="F22" s="71"/>
      <c r="G22" s="70"/>
      <c r="H22" s="70"/>
      <c r="I22" s="70"/>
      <c r="J22" s="70"/>
      <c r="K22" s="70"/>
    </row>
    <row r="23" spans="1:11" ht="14.25" hidden="1" customHeight="1">
      <c r="B23" s="72"/>
      <c r="C23">
        <f>C22+D22</f>
        <v>359</v>
      </c>
      <c r="D23" s="7">
        <v>72</v>
      </c>
      <c r="E23" s="249" t="str">
        <f t="shared" si="1"/>
        <v/>
      </c>
      <c r="F23" s="71"/>
      <c r="G23" s="70"/>
      <c r="H23" s="70"/>
      <c r="I23" s="70"/>
      <c r="J23" s="70"/>
      <c r="K23" s="70"/>
    </row>
    <row r="24" spans="1:11" ht="20.100000000000001" customHeight="1">
      <c r="A24" s="74" t="s">
        <v>74</v>
      </c>
      <c r="B24" s="72" t="s">
        <v>69</v>
      </c>
      <c r="C24" s="7">
        <v>1</v>
      </c>
      <c r="D24" s="7">
        <v>72</v>
      </c>
      <c r="E24" s="249" t="str">
        <f t="shared" ref="E24:E29" si="2">MIDB(B$24,C24,D24)</f>
        <v>　②「発注者の意図による事情変更により設計図書が変更又は訂正された場合」</v>
      </c>
      <c r="F24" s="71"/>
      <c r="G24" s="70"/>
      <c r="H24" s="70"/>
      <c r="I24" s="70"/>
      <c r="J24" s="70"/>
      <c r="K24" s="70"/>
    </row>
    <row r="25" spans="1:11" ht="20.100000000000001" customHeight="1">
      <c r="A25" s="74" t="s">
        <v>98</v>
      </c>
      <c r="B25" s="5" t="s">
        <v>443</v>
      </c>
      <c r="C25">
        <v>1</v>
      </c>
      <c r="D25">
        <v>72</v>
      </c>
      <c r="E25" s="71" t="str">
        <f>MIDB(B$25,C25,D25)</f>
        <v>について、必要に応じ工期又は請負代金額を変更する必要がある。</v>
      </c>
      <c r="F25" s="71"/>
      <c r="G25" s="70"/>
      <c r="H25" s="70"/>
      <c r="I25" s="70"/>
      <c r="J25" s="70"/>
      <c r="K25" s="70"/>
    </row>
    <row r="26" spans="1:11" ht="14.4" hidden="1">
      <c r="A26" s="74" t="s">
        <v>98</v>
      </c>
      <c r="C26">
        <f>C25+D25</f>
        <v>73</v>
      </c>
      <c r="D26" s="7">
        <v>72</v>
      </c>
      <c r="E26" s="71" t="str">
        <f t="shared" si="2"/>
        <v>について、必要に応じ工期又は請負代金額を変更する必要がある。</v>
      </c>
      <c r="F26" s="71"/>
    </row>
    <row r="27" spans="1:11" ht="14.25" hidden="1" customHeight="1">
      <c r="A27" s="74" t="s">
        <v>98</v>
      </c>
      <c r="C27">
        <f>C26+D26</f>
        <v>145</v>
      </c>
      <c r="D27" s="7">
        <v>72</v>
      </c>
      <c r="E27" s="71" t="str">
        <f t="shared" si="2"/>
        <v/>
      </c>
      <c r="F27" s="71"/>
      <c r="G27" s="70"/>
      <c r="H27" s="70"/>
      <c r="I27" s="70"/>
      <c r="J27" s="70"/>
      <c r="K27" s="70"/>
    </row>
    <row r="28" spans="1:11" ht="14.25" hidden="1" customHeight="1">
      <c r="A28" s="74" t="s">
        <v>98</v>
      </c>
      <c r="C28">
        <f>C27+D27</f>
        <v>217</v>
      </c>
      <c r="D28" s="7">
        <v>72</v>
      </c>
      <c r="E28" s="71" t="str">
        <f t="shared" si="2"/>
        <v/>
      </c>
      <c r="F28" s="71"/>
      <c r="G28" s="70"/>
      <c r="H28" s="70"/>
      <c r="I28" s="70"/>
      <c r="J28" s="70"/>
      <c r="K28" s="70"/>
    </row>
    <row r="29" spans="1:11" ht="14.4" hidden="1">
      <c r="A29" s="74" t="s">
        <v>98</v>
      </c>
      <c r="C29">
        <f>C28+D28</f>
        <v>289</v>
      </c>
      <c r="D29" s="7">
        <v>72</v>
      </c>
      <c r="E29" s="71" t="str">
        <f t="shared" si="2"/>
        <v/>
      </c>
    </row>
    <row r="30" spans="1:11" ht="20.100000000000001" customHeight="1">
      <c r="A30" s="74" t="s">
        <v>99</v>
      </c>
      <c r="B30" s="73" t="s">
        <v>475</v>
      </c>
      <c r="C30" s="7">
        <v>1</v>
      </c>
      <c r="D30" s="7">
        <v>72</v>
      </c>
      <c r="E30" s="71" t="str">
        <f t="shared" ref="E30:E35" si="3">MIDB(B$30,C30,D30)</f>
        <v>　このため、受注者に「設計図書の照査」が義務付けられているが、発注者と受</v>
      </c>
    </row>
    <row r="31" spans="1:11" ht="20.100000000000001" customHeight="1">
      <c r="B31" s="73"/>
      <c r="C31">
        <f>C30+D30</f>
        <v>73</v>
      </c>
      <c r="D31">
        <v>74</v>
      </c>
      <c r="E31" s="71" t="str">
        <f t="shared" si="3"/>
        <v>注者の責任範囲がこれまで具体的に明示されていなかったため、基本的な考え方、</v>
      </c>
    </row>
    <row r="32" spans="1:11" ht="20.100000000000001" customHeight="1">
      <c r="B32" s="73"/>
      <c r="C32">
        <f>C31+D31</f>
        <v>147</v>
      </c>
      <c r="D32" s="7">
        <v>72</v>
      </c>
      <c r="E32" s="71" t="str">
        <f t="shared" si="3"/>
        <v>範囲をできる限り明示し、円滑な請負契約の執行に資するため、北陸地方建設事</v>
      </c>
    </row>
    <row r="33" spans="1:5" ht="20.100000000000001" customHeight="1">
      <c r="B33" s="73"/>
      <c r="C33">
        <f>C32+D32</f>
        <v>219</v>
      </c>
      <c r="D33" s="7">
        <v>72</v>
      </c>
      <c r="E33" s="71" t="str">
        <f t="shared" si="3"/>
        <v>業推進協議会　工事施工対策部会で作成された『土木工事設計図書の照査ガイド</v>
      </c>
    </row>
    <row r="34" spans="1:5" ht="20.100000000000001" customHeight="1">
      <c r="C34">
        <f>C33+D33</f>
        <v>291</v>
      </c>
      <c r="D34" s="7">
        <v>72</v>
      </c>
      <c r="E34" s="71" t="str">
        <f t="shared" si="3"/>
        <v>ライン（案）』を準拠して、『設計図書の照査ガイドライン』を作成したもので</v>
      </c>
    </row>
    <row r="35" spans="1:5" ht="20.100000000000001" customHeight="1">
      <c r="C35">
        <f>C34+D34</f>
        <v>363</v>
      </c>
      <c r="D35" s="7">
        <v>72</v>
      </c>
      <c r="E35" s="71" t="str">
        <f t="shared" si="3"/>
        <v>ある。</v>
      </c>
    </row>
    <row r="36" spans="1:5" ht="20.100000000000001" customHeight="1">
      <c r="C36"/>
      <c r="D36" s="7"/>
      <c r="E36" s="71"/>
    </row>
    <row r="37" spans="1:5" ht="20.100000000000001" customHeight="1">
      <c r="A37" s="74" t="s">
        <v>100</v>
      </c>
      <c r="B37" s="73" t="s">
        <v>449</v>
      </c>
      <c r="C37" s="7">
        <v>1</v>
      </c>
      <c r="D37" s="7">
        <v>72</v>
      </c>
      <c r="E37" s="71" t="str">
        <f>MIDB(B$37,C37,D37)</f>
        <v>　本ガイドラインは、富山市発注の工事について、前半に「設計図書の照査」の</v>
      </c>
    </row>
    <row r="38" spans="1:5" ht="20.100000000000001" customHeight="1">
      <c r="B38" s="73"/>
      <c r="C38">
        <f>C37+D37</f>
        <v>73</v>
      </c>
      <c r="D38">
        <v>72</v>
      </c>
      <c r="E38" s="71" t="str">
        <f>MIDB(B$37,C38,D38)</f>
        <v>基本的考え方を明示し、後半に具体的な照査項目・内容を「設計図書の照査要領</v>
      </c>
    </row>
    <row r="39" spans="1:5" ht="20.100000000000001" customHeight="1">
      <c r="B39" s="73"/>
      <c r="C39">
        <f>C38+D38</f>
        <v>145</v>
      </c>
      <c r="D39" s="7">
        <v>72</v>
      </c>
      <c r="E39" s="71" t="str">
        <f>MIDB(B$37,C39,D39)</f>
        <v>」として、</v>
      </c>
    </row>
    <row r="40" spans="1:5" ht="20.100000000000001" customHeight="1">
      <c r="A40" s="74" t="s">
        <v>338</v>
      </c>
      <c r="B40" s="73" t="s">
        <v>440</v>
      </c>
      <c r="C40" s="7">
        <v>1</v>
      </c>
      <c r="D40" s="7">
        <v>72</v>
      </c>
      <c r="E40" s="249" t="str">
        <f>MIDB(B$40,C40,D40)</f>
        <v>　①北陸地方建設事業推進協議会　工事施工対策部会において作成された『照査</v>
      </c>
    </row>
    <row r="41" spans="1:5" ht="20.100000000000001" customHeight="1">
      <c r="B41" s="73"/>
      <c r="C41">
        <f>C40+D40</f>
        <v>73</v>
      </c>
      <c r="D41">
        <v>70</v>
      </c>
      <c r="E41" s="249" t="str">
        <f>"　　"&amp;MIDB(B$40,C41,D41)</f>
        <v>　　項目チェックリスト』</v>
      </c>
    </row>
    <row r="42" spans="1:5" ht="20.100000000000001" customHeight="1">
      <c r="A42" s="74" t="s">
        <v>339</v>
      </c>
      <c r="B42" s="73" t="s">
        <v>441</v>
      </c>
      <c r="C42" s="7">
        <v>1</v>
      </c>
      <c r="D42" s="7">
        <v>74</v>
      </c>
      <c r="E42" s="249" t="str">
        <f>MIDB(B$42,C42,D42)</f>
        <v>　②近畿地方整備局技術管理課において作成された工種ごとの『照査項目一覧表』</v>
      </c>
    </row>
    <row r="43" spans="1:5" ht="20.100000000000001" customHeight="1">
      <c r="A43" s="74" t="s">
        <v>340</v>
      </c>
      <c r="B43" s="73" t="s">
        <v>442</v>
      </c>
      <c r="C43" s="7">
        <v>1</v>
      </c>
      <c r="D43" s="7">
        <v>72</v>
      </c>
      <c r="E43" s="71" t="str">
        <f>MIDB(B$43,C43,D43)</f>
        <v>を掲載した。</v>
      </c>
    </row>
    <row r="44" spans="1:5" ht="20.100000000000001" customHeight="1">
      <c r="A44" s="74" t="s">
        <v>341</v>
      </c>
      <c r="B44" s="73" t="s">
        <v>476</v>
      </c>
      <c r="C44" s="7">
        <v>1</v>
      </c>
      <c r="D44" s="7">
        <v>72</v>
      </c>
      <c r="E44" s="71" t="str">
        <f>MIDB(B$44,C44,D44)</f>
        <v>　いずれのチェックリストを使用するか、また他のチェックリストを使用するか</v>
      </c>
    </row>
    <row r="45" spans="1:5" ht="20.100000000000001" customHeight="1">
      <c r="A45" s="74"/>
      <c r="C45">
        <f>C44+D44</f>
        <v>73</v>
      </c>
      <c r="D45">
        <v>72</v>
      </c>
      <c r="E45" s="71" t="str">
        <f>MIDB(B$44,C45,D45)</f>
        <v>は、発注者と受注者において協議し、決定するものとする。</v>
      </c>
    </row>
    <row r="46" spans="1:5" ht="14.4">
      <c r="A46" s="74"/>
      <c r="C46"/>
      <c r="D46" s="7"/>
      <c r="E46" s="71"/>
    </row>
    <row r="47" spans="1:5" ht="14.4">
      <c r="C47"/>
      <c r="D47" s="7"/>
      <c r="E47" s="71"/>
    </row>
    <row r="48" spans="1:5" ht="14.4">
      <c r="C48"/>
      <c r="D48" s="7"/>
      <c r="E48" s="71"/>
    </row>
    <row r="49" spans="3:5" ht="14.4">
      <c r="C49"/>
      <c r="D49" s="7"/>
      <c r="E49" s="71"/>
    </row>
  </sheetData>
  <phoneticPr fontId="7"/>
  <pageMargins left="0.75" right="0.75" top="1" bottom="1" header="0.51200000000000001" footer="0.51200000000000001"/>
  <pageSetup paperSize="9" orientation="portrait" r:id="rId1"/>
  <headerFooter alignWithMargins="0">
    <oddFooter>&amp;C－&amp;P－</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W125"/>
  <sheetViews>
    <sheetView view="pageBreakPreview" topLeftCell="A52" zoomScale="130" zoomScaleNormal="100" zoomScaleSheetLayoutView="75" workbookViewId="0">
      <selection activeCell="B74" sqref="B74:K76"/>
    </sheetView>
  </sheetViews>
  <sheetFormatPr defaultRowHeight="13.2"/>
  <cols>
    <col min="1" max="1" width="3.109375" customWidth="1"/>
    <col min="2" max="2" width="6.44140625" customWidth="1"/>
    <col min="10" max="10" width="10.88671875" customWidth="1"/>
    <col min="11" max="11" width="7.88671875" customWidth="1"/>
    <col min="12" max="12" width="8.88671875" customWidth="1"/>
    <col min="13" max="13" width="8" customWidth="1"/>
    <col min="23" max="23" width="10.33203125" customWidth="1"/>
  </cols>
  <sheetData>
    <row r="3" spans="1:10" ht="21">
      <c r="A3" s="62" t="s">
        <v>109</v>
      </c>
      <c r="B3" s="8"/>
    </row>
    <row r="4" spans="1:10" ht="18" customHeight="1"/>
    <row r="5" spans="1:10" ht="18" customHeight="1"/>
    <row r="6" spans="1:10" ht="18" customHeight="1">
      <c r="A6" s="26" t="s">
        <v>111</v>
      </c>
      <c r="B6" s="26"/>
      <c r="C6" s="30"/>
      <c r="D6" s="30"/>
      <c r="E6" s="30"/>
      <c r="F6" s="30"/>
      <c r="G6" s="30"/>
      <c r="H6" s="30"/>
      <c r="I6" s="30"/>
      <c r="J6" s="30"/>
    </row>
    <row r="7" spans="1:10" ht="17.25" customHeight="1">
      <c r="A7" s="26"/>
      <c r="B7" s="26"/>
      <c r="C7" s="30"/>
      <c r="D7" s="30"/>
      <c r="E7" s="30"/>
      <c r="F7" s="30"/>
      <c r="G7" s="30"/>
      <c r="H7" s="30"/>
      <c r="I7" s="30"/>
      <c r="J7" s="30"/>
    </row>
    <row r="8" spans="1:10" s="7" customFormat="1" ht="18" customHeight="1">
      <c r="A8" s="15" t="s">
        <v>94</v>
      </c>
      <c r="B8" s="15"/>
    </row>
    <row r="9" spans="1:10" s="7" customFormat="1" ht="18" customHeight="1">
      <c r="A9" s="15" t="s">
        <v>477</v>
      </c>
      <c r="B9" s="15"/>
    </row>
    <row r="10" spans="1:10" s="7" customFormat="1" ht="18" customHeight="1">
      <c r="A10" s="15" t="s">
        <v>88</v>
      </c>
      <c r="B10" s="15"/>
    </row>
    <row r="11" spans="1:10" s="11" customFormat="1" ht="18" customHeight="1">
      <c r="A11" s="17" t="s">
        <v>89</v>
      </c>
      <c r="B11" s="17"/>
    </row>
    <row r="12" spans="1:10" s="11" customFormat="1" ht="18" customHeight="1">
      <c r="A12" s="19"/>
      <c r="B12" s="64" t="s">
        <v>453</v>
      </c>
      <c r="C12" s="40"/>
      <c r="D12" s="40"/>
      <c r="E12" s="40"/>
      <c r="F12" s="40"/>
      <c r="G12" s="40"/>
      <c r="H12" s="40"/>
      <c r="I12" s="40"/>
      <c r="J12" s="41"/>
    </row>
    <row r="13" spans="1:10" s="11" customFormat="1" ht="18" customHeight="1">
      <c r="A13" s="14"/>
      <c r="B13" s="65" t="s">
        <v>454</v>
      </c>
      <c r="C13" s="36"/>
      <c r="D13" s="36"/>
      <c r="E13" s="36"/>
      <c r="F13" s="36"/>
      <c r="G13" s="36"/>
      <c r="H13" s="36"/>
      <c r="I13" s="36"/>
      <c r="J13" s="42"/>
    </row>
    <row r="14" spans="1:10" s="11" customFormat="1" ht="18" customHeight="1">
      <c r="A14" s="19"/>
      <c r="B14" s="66" t="s">
        <v>90</v>
      </c>
      <c r="C14" s="36"/>
      <c r="D14" s="36"/>
      <c r="E14" s="36"/>
      <c r="F14" s="36"/>
      <c r="G14" s="36"/>
      <c r="H14" s="36"/>
      <c r="I14" s="36"/>
      <c r="J14" s="42"/>
    </row>
    <row r="15" spans="1:10" s="11" customFormat="1" ht="18" customHeight="1">
      <c r="A15" s="19"/>
      <c r="B15" s="66" t="s">
        <v>91</v>
      </c>
      <c r="C15" s="36"/>
      <c r="D15" s="36"/>
      <c r="E15" s="36"/>
      <c r="F15" s="36"/>
      <c r="G15" s="36"/>
      <c r="H15" s="36"/>
      <c r="I15" s="36"/>
      <c r="J15" s="42"/>
    </row>
    <row r="16" spans="1:10" s="11" customFormat="1" ht="18" customHeight="1">
      <c r="A16" s="19"/>
      <c r="B16" s="66" t="s">
        <v>92</v>
      </c>
      <c r="C16" s="36"/>
      <c r="D16" s="36"/>
      <c r="E16" s="36"/>
      <c r="F16" s="36"/>
      <c r="G16" s="36"/>
      <c r="H16" s="36"/>
      <c r="I16" s="36"/>
      <c r="J16" s="42"/>
    </row>
    <row r="17" spans="1:11" s="11" customFormat="1" ht="18" customHeight="1">
      <c r="A17" s="19"/>
      <c r="B17" s="66" t="s">
        <v>93</v>
      </c>
      <c r="C17" s="36"/>
      <c r="D17" s="36"/>
      <c r="E17" s="36"/>
      <c r="F17" s="36"/>
      <c r="G17" s="36"/>
      <c r="H17" s="36"/>
      <c r="I17" s="36"/>
      <c r="J17" s="42"/>
    </row>
    <row r="18" spans="1:11" s="11" customFormat="1" ht="18" customHeight="1">
      <c r="A18" s="19"/>
      <c r="B18" s="66" t="s">
        <v>103</v>
      </c>
      <c r="C18" s="36"/>
      <c r="D18" s="36"/>
      <c r="E18" s="36"/>
      <c r="F18" s="36"/>
      <c r="G18" s="36"/>
      <c r="H18" s="36"/>
      <c r="I18" s="36"/>
      <c r="J18" s="42"/>
    </row>
    <row r="19" spans="1:11" s="11" customFormat="1" ht="18" customHeight="1">
      <c r="A19" s="19"/>
      <c r="B19" s="66" t="s">
        <v>223</v>
      </c>
      <c r="C19" s="36"/>
      <c r="D19" s="36"/>
      <c r="E19" s="36"/>
      <c r="F19" s="36"/>
      <c r="G19" s="36"/>
      <c r="H19" s="36"/>
      <c r="I19" s="36"/>
      <c r="J19" s="42"/>
    </row>
    <row r="20" spans="1:11" s="11" customFormat="1" ht="18" customHeight="1">
      <c r="A20" s="19"/>
      <c r="B20" s="66" t="s">
        <v>104</v>
      </c>
      <c r="C20" s="36"/>
      <c r="D20" s="36"/>
      <c r="E20" s="36"/>
      <c r="F20" s="36"/>
      <c r="G20" s="36"/>
      <c r="H20" s="36"/>
      <c r="I20" s="36"/>
      <c r="J20" s="42"/>
    </row>
    <row r="21" spans="1:11" s="11" customFormat="1" ht="18" customHeight="1">
      <c r="B21" s="67" t="s">
        <v>224</v>
      </c>
      <c r="C21" s="36"/>
      <c r="D21" s="36"/>
      <c r="E21" s="36"/>
      <c r="F21" s="36"/>
      <c r="G21" s="36"/>
      <c r="H21" s="36"/>
      <c r="I21" s="36"/>
      <c r="J21" s="42"/>
    </row>
    <row r="22" spans="1:11" ht="18" customHeight="1">
      <c r="A22" s="30"/>
      <c r="B22" s="44"/>
      <c r="C22" s="37"/>
      <c r="D22" s="37"/>
      <c r="E22" s="37"/>
      <c r="F22" s="37"/>
      <c r="G22" s="37"/>
      <c r="H22" s="37"/>
      <c r="I22" s="37"/>
      <c r="J22" s="45"/>
    </row>
    <row r="23" spans="1:11" s="16" customFormat="1" ht="18" customHeight="1">
      <c r="A23" s="17"/>
      <c r="B23" s="46" t="s">
        <v>450</v>
      </c>
      <c r="C23" s="38"/>
      <c r="D23" s="38"/>
      <c r="E23" s="38"/>
      <c r="F23" s="38"/>
      <c r="G23" s="38"/>
      <c r="H23" s="38"/>
      <c r="I23" s="38"/>
      <c r="J23" s="47"/>
    </row>
    <row r="24" spans="1:11" s="16" customFormat="1" ht="18" customHeight="1">
      <c r="A24" s="15"/>
      <c r="B24" s="48" t="s">
        <v>451</v>
      </c>
      <c r="C24" s="38"/>
      <c r="D24" s="38"/>
      <c r="E24" s="38"/>
      <c r="F24" s="38"/>
      <c r="G24" s="38"/>
      <c r="H24" s="38"/>
      <c r="I24" s="38"/>
      <c r="J24" s="47"/>
    </row>
    <row r="25" spans="1:11" s="16" customFormat="1" ht="18" customHeight="1">
      <c r="A25" s="15"/>
      <c r="B25" s="48" t="s">
        <v>452</v>
      </c>
      <c r="C25" s="38"/>
      <c r="D25" s="38"/>
      <c r="E25" s="38"/>
      <c r="F25" s="38"/>
      <c r="G25" s="38"/>
      <c r="H25" s="38"/>
      <c r="I25" s="38"/>
      <c r="J25" s="47"/>
    </row>
    <row r="26" spans="1:11" ht="18" customHeight="1">
      <c r="A26" s="30"/>
      <c r="B26" s="44"/>
      <c r="C26" s="37"/>
      <c r="D26" s="37"/>
      <c r="E26" s="37"/>
      <c r="F26" s="37"/>
      <c r="G26" s="37"/>
      <c r="H26" s="37"/>
      <c r="I26" s="37"/>
      <c r="J26" s="45"/>
    </row>
    <row r="27" spans="1:11" s="15" customFormat="1" ht="18" customHeight="1">
      <c r="A27" s="17"/>
      <c r="B27" s="46" t="s">
        <v>455</v>
      </c>
      <c r="C27" s="39"/>
      <c r="D27" s="39"/>
      <c r="E27" s="39"/>
      <c r="F27" s="39"/>
      <c r="G27" s="39"/>
      <c r="H27" s="39"/>
      <c r="I27" s="39"/>
      <c r="J27" s="49"/>
    </row>
    <row r="28" spans="1:11" s="15" customFormat="1" ht="18" customHeight="1">
      <c r="B28" s="48" t="s">
        <v>456</v>
      </c>
      <c r="C28" s="39"/>
      <c r="D28" s="39"/>
      <c r="E28" s="39"/>
      <c r="F28" s="39"/>
      <c r="G28" s="39"/>
      <c r="H28" s="39"/>
      <c r="I28" s="39"/>
      <c r="J28" s="49"/>
    </row>
    <row r="29" spans="1:11" s="15" customFormat="1" ht="18" customHeight="1">
      <c r="B29" s="48" t="s">
        <v>457</v>
      </c>
      <c r="C29" s="39"/>
      <c r="D29" s="39"/>
      <c r="E29" s="39"/>
      <c r="F29" s="39"/>
      <c r="G29" s="39"/>
      <c r="H29" s="39"/>
      <c r="I29" s="39"/>
      <c r="J29" s="49"/>
    </row>
    <row r="30" spans="1:11" ht="17.25" customHeight="1">
      <c r="A30" s="12"/>
      <c r="B30" s="48" t="s">
        <v>458</v>
      </c>
      <c r="C30" s="1"/>
      <c r="D30" s="1"/>
      <c r="E30" s="1"/>
      <c r="F30" s="1"/>
      <c r="G30" s="1"/>
      <c r="H30" s="1"/>
      <c r="I30" s="1"/>
      <c r="J30" s="49"/>
      <c r="K30" s="15"/>
    </row>
    <row r="31" spans="1:11" s="15" customFormat="1" ht="18" customHeight="1">
      <c r="B31" s="52" t="s">
        <v>459</v>
      </c>
      <c r="C31" s="53"/>
      <c r="D31" s="53"/>
      <c r="E31" s="53"/>
      <c r="F31" s="53"/>
      <c r="G31" s="53"/>
      <c r="H31" s="53"/>
      <c r="I31" s="53"/>
      <c r="J31" s="54"/>
    </row>
    <row r="32" spans="1:11" ht="18" customHeight="1">
      <c r="A32" s="30"/>
      <c r="B32" s="55"/>
      <c r="C32" s="55"/>
      <c r="D32" s="55"/>
      <c r="E32" s="55"/>
      <c r="F32" s="55"/>
      <c r="G32" s="55"/>
      <c r="H32" s="55"/>
      <c r="I32" s="55"/>
      <c r="J32" s="55"/>
    </row>
    <row r="33" spans="1:10" ht="18" customHeight="1">
      <c r="A33" s="15" t="s">
        <v>110</v>
      </c>
      <c r="B33" s="15"/>
      <c r="C33" s="30"/>
      <c r="D33" s="30"/>
      <c r="E33" s="30"/>
      <c r="F33" s="30"/>
      <c r="G33" s="30"/>
      <c r="H33" s="30"/>
      <c r="I33" s="30"/>
      <c r="J33" s="30"/>
    </row>
    <row r="34" spans="1:10" ht="18" customHeight="1">
      <c r="A34" s="15"/>
      <c r="B34" s="60" t="s">
        <v>117</v>
      </c>
      <c r="C34" s="55"/>
      <c r="D34" s="55"/>
      <c r="E34" s="55"/>
      <c r="F34" s="55"/>
      <c r="G34" s="55"/>
      <c r="H34" s="55"/>
      <c r="I34" s="55"/>
      <c r="J34" s="56"/>
    </row>
    <row r="35" spans="1:10" ht="18" customHeight="1">
      <c r="A35" s="19"/>
      <c r="B35" s="43" t="s">
        <v>460</v>
      </c>
      <c r="C35" s="37"/>
      <c r="D35" s="37"/>
      <c r="E35" s="37"/>
      <c r="F35" s="37"/>
      <c r="G35" s="37"/>
      <c r="H35" s="37"/>
      <c r="I35" s="37"/>
      <c r="J35" s="45"/>
    </row>
    <row r="36" spans="1:10" ht="18" customHeight="1">
      <c r="A36" s="17"/>
      <c r="B36" s="46" t="s">
        <v>106</v>
      </c>
      <c r="C36" s="37"/>
      <c r="D36" s="37"/>
      <c r="E36" s="37"/>
      <c r="F36" s="37"/>
      <c r="G36" s="37"/>
      <c r="H36" s="37"/>
      <c r="I36" s="37"/>
      <c r="J36" s="45"/>
    </row>
    <row r="37" spans="1:10" ht="18" customHeight="1">
      <c r="A37" s="17"/>
      <c r="B37" s="46" t="s">
        <v>105</v>
      </c>
      <c r="C37" s="37"/>
      <c r="D37" s="37"/>
      <c r="E37" s="37"/>
      <c r="F37" s="37"/>
      <c r="G37" s="37"/>
      <c r="H37" s="37"/>
      <c r="I37" s="37"/>
      <c r="J37" s="45"/>
    </row>
    <row r="38" spans="1:10" ht="18" customHeight="1">
      <c r="A38" s="17"/>
      <c r="B38" s="46" t="s">
        <v>118</v>
      </c>
      <c r="C38" s="37"/>
      <c r="D38" s="37"/>
      <c r="E38" s="37"/>
      <c r="F38" s="37"/>
      <c r="G38" s="37"/>
      <c r="H38" s="37"/>
      <c r="I38" s="37"/>
      <c r="J38" s="45"/>
    </row>
    <row r="39" spans="1:10" ht="18" customHeight="1">
      <c r="A39" s="13"/>
      <c r="B39" s="57" t="s">
        <v>461</v>
      </c>
      <c r="C39" s="58"/>
      <c r="D39" s="58"/>
      <c r="E39" s="58"/>
      <c r="F39" s="58"/>
      <c r="G39" s="58"/>
      <c r="H39" s="58"/>
      <c r="I39" s="58"/>
      <c r="J39" s="59"/>
    </row>
    <row r="40" spans="1:10" ht="18" customHeight="1">
      <c r="A40" s="15"/>
      <c r="B40" s="52" t="s">
        <v>119</v>
      </c>
      <c r="C40" s="50"/>
      <c r="D40" s="50"/>
      <c r="E40" s="50"/>
      <c r="F40" s="50"/>
      <c r="G40" s="50"/>
      <c r="H40" s="50"/>
      <c r="I40" s="50"/>
      <c r="J40" s="51"/>
    </row>
    <row r="41" spans="1:10" ht="18" customHeight="1"/>
    <row r="42" spans="1:10" ht="11.25" customHeight="1"/>
    <row r="43" spans="1:10" ht="18" customHeight="1">
      <c r="A43" s="30"/>
      <c r="B43" s="30"/>
      <c r="C43" s="30"/>
      <c r="D43" s="30"/>
      <c r="E43" s="30"/>
      <c r="F43" s="30"/>
      <c r="G43" s="30"/>
      <c r="H43" s="30"/>
      <c r="I43" s="30"/>
      <c r="J43" s="30"/>
    </row>
    <row r="44" spans="1:10" ht="20.100000000000001" customHeight="1">
      <c r="A44" s="20" t="s">
        <v>462</v>
      </c>
      <c r="B44" s="20"/>
      <c r="C44" s="5"/>
      <c r="D44" s="5"/>
      <c r="E44" s="5"/>
      <c r="F44" s="5"/>
      <c r="G44" s="5"/>
      <c r="H44" s="5"/>
      <c r="I44" s="5"/>
      <c r="J44" s="5"/>
    </row>
    <row r="45" spans="1:10" ht="16.5" customHeight="1">
      <c r="A45" s="20"/>
      <c r="B45" s="20"/>
      <c r="C45" s="5"/>
      <c r="D45" s="5"/>
      <c r="E45" s="5"/>
      <c r="F45" s="5"/>
      <c r="G45" s="5"/>
      <c r="H45" s="5"/>
      <c r="I45" s="5"/>
      <c r="J45" s="5"/>
    </row>
    <row r="46" spans="1:10" ht="19.5" customHeight="1">
      <c r="A46" s="9" t="s">
        <v>479</v>
      </c>
      <c r="B46" s="9"/>
      <c r="C46" s="5"/>
      <c r="D46" s="5"/>
      <c r="E46" s="5"/>
      <c r="F46" s="5"/>
      <c r="G46" s="5"/>
      <c r="H46" s="5"/>
      <c r="I46" s="5"/>
      <c r="J46" s="5"/>
    </row>
    <row r="47" spans="1:10" ht="20.100000000000001" customHeight="1">
      <c r="A47" s="9" t="s">
        <v>478</v>
      </c>
      <c r="B47" s="10"/>
      <c r="C47" s="5"/>
      <c r="D47" s="5"/>
      <c r="E47" s="5"/>
      <c r="F47" s="5"/>
      <c r="G47" s="5"/>
      <c r="H47" s="5"/>
      <c r="I47" s="5"/>
      <c r="J47" s="5"/>
    </row>
    <row r="48" spans="1:10" ht="20.100000000000001" customHeight="1">
      <c r="A48" s="9" t="s">
        <v>480</v>
      </c>
      <c r="B48" s="10"/>
      <c r="C48" s="5"/>
      <c r="D48" s="5"/>
      <c r="E48" s="5"/>
      <c r="F48" s="5"/>
      <c r="G48" s="5"/>
      <c r="H48" s="5"/>
      <c r="I48" s="5"/>
      <c r="J48" s="5"/>
    </row>
    <row r="49" spans="1:23" ht="20.100000000000001" customHeight="1">
      <c r="A49" s="9" t="s">
        <v>120</v>
      </c>
      <c r="B49" s="10"/>
      <c r="C49" s="5"/>
      <c r="D49" s="5"/>
      <c r="E49" s="5"/>
      <c r="F49" s="5"/>
      <c r="G49" s="5"/>
      <c r="H49" s="5"/>
      <c r="I49" s="5"/>
      <c r="J49" s="5"/>
    </row>
    <row r="50" spans="1:23" ht="20.100000000000001" customHeight="1">
      <c r="A50" s="9" t="s">
        <v>121</v>
      </c>
      <c r="B50" s="10"/>
      <c r="C50" s="5"/>
      <c r="D50" s="5"/>
      <c r="E50" s="5"/>
      <c r="F50" s="5"/>
      <c r="G50" s="5"/>
      <c r="H50" s="5"/>
      <c r="I50" s="5"/>
      <c r="J50" s="5"/>
    </row>
    <row r="51" spans="1:23" ht="16.5" customHeight="1">
      <c r="A51" s="10"/>
      <c r="B51" s="10"/>
      <c r="C51" s="5"/>
      <c r="D51" s="5"/>
      <c r="E51" s="5"/>
      <c r="F51" s="5"/>
      <c r="G51" s="5"/>
      <c r="H51" s="5"/>
      <c r="I51" s="5"/>
      <c r="J51" s="5"/>
    </row>
    <row r="52" spans="1:23" ht="20.100000000000001" customHeight="1">
      <c r="A52" s="9" t="s">
        <v>113</v>
      </c>
      <c r="B52" s="10"/>
      <c r="C52" s="5"/>
      <c r="D52" s="5"/>
      <c r="E52" s="5"/>
      <c r="F52" s="5"/>
      <c r="G52" s="5"/>
      <c r="H52" s="5"/>
      <c r="I52" s="5"/>
      <c r="J52" s="5"/>
    </row>
    <row r="53" spans="1:23" ht="16.5" customHeight="1">
      <c r="A53" s="10"/>
      <c r="B53" s="10"/>
      <c r="C53" s="5"/>
      <c r="D53" s="5"/>
      <c r="E53" s="5"/>
      <c r="F53" s="5"/>
      <c r="G53" s="5"/>
      <c r="H53" s="5"/>
      <c r="I53" s="5"/>
      <c r="J53" s="5"/>
      <c r="M53" s="109"/>
      <c r="N53" s="109"/>
      <c r="O53" s="109"/>
      <c r="P53" s="109"/>
      <c r="Q53" s="109"/>
      <c r="R53" s="109"/>
      <c r="S53" s="109"/>
      <c r="T53" s="109"/>
      <c r="U53" s="109"/>
      <c r="V53" s="109"/>
      <c r="W53" s="109"/>
    </row>
    <row r="54" spans="1:23" ht="20.100000000000001" customHeight="1">
      <c r="A54" s="10"/>
      <c r="B54" s="10"/>
      <c r="C54" s="5"/>
      <c r="D54" s="5"/>
      <c r="E54" s="5"/>
      <c r="F54" s="5"/>
      <c r="G54" s="5"/>
      <c r="H54" s="5"/>
      <c r="I54" s="5"/>
      <c r="J54" s="5"/>
      <c r="M54" s="109"/>
      <c r="N54" s="109"/>
      <c r="O54" s="109"/>
      <c r="P54" s="109"/>
      <c r="Q54" s="109"/>
      <c r="R54" s="109"/>
      <c r="S54" s="109"/>
      <c r="T54" s="109"/>
      <c r="U54" s="109"/>
      <c r="V54" s="109"/>
      <c r="W54" s="109"/>
    </row>
    <row r="55" spans="1:23" ht="20.100000000000001" customHeight="1">
      <c r="A55" s="10"/>
      <c r="B55" s="10"/>
      <c r="C55" s="5"/>
      <c r="D55" s="5"/>
      <c r="E55" s="5"/>
      <c r="F55" s="5"/>
      <c r="G55" s="5"/>
      <c r="H55" s="5"/>
      <c r="I55" s="5"/>
      <c r="J55" s="5"/>
      <c r="M55" s="109"/>
      <c r="N55" s="109"/>
      <c r="O55" s="109"/>
      <c r="P55" s="109"/>
      <c r="Q55" s="109"/>
      <c r="R55" s="109"/>
      <c r="S55" s="109"/>
      <c r="T55" s="109"/>
      <c r="U55" s="109"/>
      <c r="V55" s="109"/>
      <c r="W55" s="109"/>
    </row>
    <row r="56" spans="1:23" ht="20.100000000000001" customHeight="1">
      <c r="A56" s="10"/>
      <c r="B56" s="10"/>
      <c r="C56" s="5"/>
      <c r="D56" s="5"/>
      <c r="E56" s="5"/>
      <c r="F56" s="5"/>
      <c r="G56" s="5"/>
      <c r="H56" s="5"/>
      <c r="I56" s="5"/>
      <c r="J56" s="5"/>
      <c r="M56" s="109"/>
      <c r="N56" s="109"/>
      <c r="O56" s="109"/>
      <c r="P56" s="109"/>
      <c r="Q56" s="109"/>
      <c r="R56" s="109"/>
      <c r="S56" s="109"/>
      <c r="T56" s="109"/>
      <c r="U56" s="109"/>
      <c r="V56" s="109"/>
      <c r="W56" s="109"/>
    </row>
    <row r="57" spans="1:23" ht="20.100000000000001" customHeight="1">
      <c r="A57" s="10"/>
      <c r="B57" s="10"/>
      <c r="C57" s="5"/>
      <c r="D57" s="5"/>
      <c r="E57" s="5"/>
      <c r="F57" s="5"/>
      <c r="G57" s="5"/>
      <c r="H57" s="5"/>
      <c r="I57" s="5"/>
      <c r="J57" s="5"/>
      <c r="M57" s="109"/>
      <c r="N57" s="109"/>
      <c r="O57" s="109"/>
      <c r="P57" s="109"/>
      <c r="Q57" s="109"/>
      <c r="R57" s="109"/>
      <c r="S57" s="109"/>
      <c r="T57" s="109"/>
      <c r="U57" s="109"/>
      <c r="V57" s="109"/>
      <c r="W57" s="109"/>
    </row>
    <row r="58" spans="1:23" ht="20.100000000000001" customHeight="1">
      <c r="A58" s="10"/>
      <c r="B58" s="10"/>
      <c r="C58" s="5"/>
      <c r="D58" s="5"/>
      <c r="E58" s="5"/>
      <c r="F58" s="5"/>
      <c r="G58" s="5"/>
      <c r="H58" s="5"/>
      <c r="I58" s="5"/>
      <c r="J58" s="5"/>
      <c r="M58" s="109"/>
      <c r="N58" s="109"/>
      <c r="O58" s="109"/>
      <c r="P58" s="109"/>
      <c r="Q58" s="109"/>
      <c r="R58" s="109"/>
      <c r="S58" s="109"/>
      <c r="T58" s="109"/>
      <c r="U58" s="109"/>
      <c r="V58" s="109"/>
      <c r="W58" s="109"/>
    </row>
    <row r="59" spans="1:23" ht="20.100000000000001" customHeight="1">
      <c r="A59" s="10"/>
      <c r="B59" s="10"/>
      <c r="C59" s="5"/>
      <c r="D59" s="5"/>
      <c r="E59" s="5"/>
      <c r="F59" s="5"/>
      <c r="G59" s="5"/>
      <c r="H59" s="5"/>
      <c r="I59" s="5"/>
      <c r="J59" s="5"/>
      <c r="M59" s="109"/>
      <c r="N59" s="109"/>
      <c r="O59" s="109"/>
      <c r="P59" s="109"/>
      <c r="Q59" s="109"/>
      <c r="R59" s="109"/>
      <c r="S59" s="109"/>
      <c r="T59" s="109"/>
      <c r="U59" s="109"/>
      <c r="V59" s="109"/>
      <c r="W59" s="109"/>
    </row>
    <row r="60" spans="1:23" ht="20.100000000000001" customHeight="1">
      <c r="A60" s="19"/>
      <c r="B60" s="19"/>
      <c r="C60" s="5"/>
      <c r="D60" s="5"/>
      <c r="E60" s="5"/>
      <c r="F60" s="5"/>
      <c r="G60" s="5"/>
      <c r="H60" s="5"/>
      <c r="I60" s="5"/>
      <c r="J60" s="5"/>
      <c r="M60" s="109"/>
      <c r="N60" s="109"/>
      <c r="O60" s="109"/>
      <c r="P60" s="109"/>
      <c r="Q60" s="109"/>
      <c r="R60" s="109"/>
      <c r="S60" s="109"/>
      <c r="T60" s="109"/>
      <c r="U60" s="109"/>
      <c r="V60" s="109"/>
      <c r="W60" s="109"/>
    </row>
    <row r="61" spans="1:23" ht="20.100000000000001" customHeight="1">
      <c r="A61" s="19"/>
      <c r="B61" s="19"/>
      <c r="C61" s="5"/>
      <c r="D61" s="5"/>
      <c r="E61" s="5"/>
      <c r="F61" s="5"/>
      <c r="G61" s="5"/>
      <c r="H61" s="5"/>
      <c r="I61" s="5"/>
      <c r="J61" s="5"/>
      <c r="M61" s="109"/>
      <c r="N61" s="109"/>
      <c r="O61" s="109"/>
      <c r="P61" s="109"/>
      <c r="Q61" s="109"/>
      <c r="R61" s="109"/>
      <c r="S61" s="109"/>
      <c r="T61" s="109"/>
      <c r="U61" s="109"/>
      <c r="V61" s="109"/>
      <c r="W61" s="109"/>
    </row>
    <row r="62" spans="1:23" ht="20.100000000000001" customHeight="1">
      <c r="A62" s="19"/>
      <c r="B62" s="19"/>
      <c r="C62" s="5"/>
      <c r="D62" s="5"/>
      <c r="E62" s="5"/>
      <c r="F62" s="5"/>
      <c r="G62" s="5"/>
      <c r="H62" s="5"/>
      <c r="I62" s="5"/>
      <c r="J62" s="5"/>
      <c r="M62" s="109"/>
      <c r="N62" s="109"/>
      <c r="O62" s="109"/>
      <c r="P62" s="109"/>
      <c r="Q62" s="109"/>
      <c r="R62" s="109"/>
      <c r="S62" s="109"/>
      <c r="T62" s="109"/>
      <c r="U62" s="109"/>
      <c r="V62" s="109"/>
      <c r="W62" s="109"/>
    </row>
    <row r="63" spans="1:23" ht="20.100000000000001" customHeight="1">
      <c r="A63" s="19"/>
      <c r="B63" s="19"/>
      <c r="C63" s="5"/>
      <c r="D63" s="5"/>
      <c r="E63" s="5"/>
      <c r="F63" s="5"/>
      <c r="G63" s="5"/>
      <c r="H63" s="5"/>
      <c r="I63" s="5"/>
      <c r="J63" s="5"/>
      <c r="M63" s="109"/>
      <c r="N63" s="109"/>
      <c r="O63" s="109"/>
      <c r="P63" s="109"/>
      <c r="Q63" s="109"/>
      <c r="R63" s="109"/>
      <c r="S63" s="109"/>
      <c r="T63" s="109"/>
      <c r="U63" s="109"/>
      <c r="V63" s="109"/>
      <c r="W63" s="109"/>
    </row>
    <row r="64" spans="1:23" ht="20.100000000000001" customHeight="1">
      <c r="A64" s="19"/>
      <c r="B64" s="19"/>
      <c r="C64" s="5"/>
      <c r="D64" s="5"/>
      <c r="E64" s="5"/>
      <c r="F64" s="5"/>
      <c r="G64" s="5"/>
      <c r="H64" s="5"/>
      <c r="I64" s="5"/>
      <c r="J64" s="5"/>
      <c r="M64" s="109"/>
      <c r="N64" s="109"/>
      <c r="O64" s="109"/>
      <c r="P64" s="109"/>
      <c r="Q64" s="109"/>
      <c r="R64" s="109"/>
      <c r="S64" s="109"/>
      <c r="T64" s="109"/>
      <c r="U64" s="109"/>
      <c r="V64" s="109"/>
      <c r="W64" s="109"/>
    </row>
    <row r="65" spans="1:23" ht="20.100000000000001" customHeight="1">
      <c r="A65" s="19"/>
      <c r="B65" s="19"/>
      <c r="C65" s="5"/>
      <c r="D65" s="5"/>
      <c r="E65" s="5"/>
      <c r="F65" s="5"/>
      <c r="G65" s="5"/>
      <c r="H65" s="5"/>
      <c r="I65" s="5"/>
      <c r="J65" s="5"/>
      <c r="M65" s="109"/>
      <c r="N65" s="109"/>
      <c r="O65" s="109"/>
      <c r="P65" s="109"/>
      <c r="Q65" s="109"/>
      <c r="R65" s="109"/>
      <c r="S65" s="109"/>
      <c r="T65" s="109"/>
      <c r="U65" s="109"/>
      <c r="V65" s="109"/>
      <c r="W65" s="109"/>
    </row>
    <row r="66" spans="1:23" ht="20.100000000000001" customHeight="1">
      <c r="A66" s="19"/>
      <c r="B66" s="19"/>
      <c r="C66" s="5"/>
      <c r="D66" s="5"/>
      <c r="E66" s="5"/>
      <c r="F66" s="5"/>
      <c r="G66" s="5"/>
      <c r="H66" s="5"/>
      <c r="I66" s="5"/>
      <c r="J66" s="5"/>
      <c r="M66" s="109"/>
      <c r="N66" s="109"/>
      <c r="O66" s="109"/>
      <c r="P66" s="109"/>
      <c r="Q66" s="109"/>
      <c r="R66" s="109"/>
      <c r="S66" s="109"/>
      <c r="T66" s="109"/>
      <c r="U66" s="109"/>
      <c r="V66" s="109"/>
      <c r="W66" s="109"/>
    </row>
    <row r="67" spans="1:23" ht="20.100000000000001" customHeight="1">
      <c r="A67" s="19"/>
      <c r="B67" s="19"/>
      <c r="C67" s="5"/>
      <c r="D67" s="5"/>
      <c r="E67" s="5"/>
      <c r="F67" s="5"/>
      <c r="G67" s="5"/>
      <c r="H67" s="5"/>
      <c r="I67" s="5"/>
      <c r="J67" s="5"/>
      <c r="M67" s="109"/>
      <c r="N67" s="109"/>
      <c r="O67" s="109"/>
      <c r="P67" s="109"/>
      <c r="Q67" s="109"/>
      <c r="R67" s="109"/>
      <c r="S67" s="109"/>
      <c r="T67" s="109"/>
      <c r="U67" s="109"/>
      <c r="V67" s="109"/>
      <c r="W67" s="109"/>
    </row>
    <row r="68" spans="1:23" ht="20.100000000000001" customHeight="1">
      <c r="A68" s="19"/>
      <c r="B68" s="19"/>
      <c r="C68" s="5"/>
      <c r="D68" s="5"/>
      <c r="E68" s="5"/>
      <c r="F68" s="5"/>
      <c r="G68" s="5"/>
      <c r="H68" s="5"/>
      <c r="I68" s="5"/>
      <c r="J68" s="5"/>
      <c r="M68" s="109"/>
      <c r="N68" s="109"/>
      <c r="O68" s="109"/>
      <c r="P68" s="109"/>
      <c r="Q68" s="109"/>
      <c r="R68" s="109"/>
      <c r="S68" s="109"/>
      <c r="T68" s="109"/>
      <c r="U68" s="109"/>
      <c r="V68" s="109"/>
      <c r="W68" s="109"/>
    </row>
    <row r="69" spans="1:23" ht="20.100000000000001" customHeight="1">
      <c r="A69" s="19"/>
      <c r="B69" s="19"/>
      <c r="C69" s="5"/>
      <c r="D69" s="5"/>
      <c r="E69" s="5"/>
      <c r="F69" s="5"/>
      <c r="G69" s="5"/>
      <c r="H69" s="5"/>
      <c r="I69" s="5"/>
      <c r="J69" s="5"/>
      <c r="M69" s="109"/>
      <c r="N69" s="109"/>
      <c r="O69" s="109"/>
      <c r="P69" s="109"/>
      <c r="Q69" s="109"/>
      <c r="R69" s="109"/>
      <c r="S69" s="109"/>
      <c r="T69" s="109"/>
      <c r="U69" s="109"/>
      <c r="V69" s="109"/>
      <c r="W69" s="109"/>
    </row>
    <row r="70" spans="1:23" ht="20.100000000000001" customHeight="1">
      <c r="A70" s="19"/>
      <c r="B70" s="19"/>
      <c r="C70" s="5"/>
      <c r="D70" s="5"/>
      <c r="E70" s="5"/>
      <c r="F70" s="5"/>
      <c r="G70" s="5"/>
      <c r="H70" s="5"/>
      <c r="I70" s="5"/>
      <c r="J70" s="5"/>
      <c r="M70" s="109"/>
      <c r="N70" s="109"/>
      <c r="O70" s="109"/>
      <c r="P70" s="109"/>
      <c r="Q70" s="109"/>
      <c r="R70" s="109"/>
      <c r="S70" s="109"/>
      <c r="T70" s="109"/>
      <c r="U70" s="109"/>
      <c r="V70" s="109"/>
      <c r="W70" s="109"/>
    </row>
    <row r="71" spans="1:23" ht="20.100000000000001" customHeight="1">
      <c r="A71" s="19"/>
      <c r="B71" s="19"/>
      <c r="C71" s="5"/>
      <c r="D71" s="5"/>
      <c r="E71" s="5"/>
      <c r="F71" s="5"/>
      <c r="G71" s="5"/>
      <c r="H71" s="5"/>
      <c r="I71" s="5"/>
      <c r="J71" s="5"/>
      <c r="M71" s="109"/>
      <c r="N71" s="109"/>
      <c r="O71" s="109"/>
      <c r="P71" s="109"/>
      <c r="Q71" s="109"/>
      <c r="R71" s="109"/>
      <c r="S71" s="109"/>
      <c r="T71" s="109"/>
      <c r="U71" s="109"/>
      <c r="V71" s="109"/>
      <c r="W71" s="109"/>
    </row>
    <row r="72" spans="1:23" ht="20.100000000000001" customHeight="1">
      <c r="A72" s="19"/>
      <c r="B72" s="19"/>
      <c r="C72" s="5"/>
      <c r="D72" s="5"/>
      <c r="E72" s="5"/>
      <c r="F72" s="5"/>
      <c r="G72" s="5"/>
      <c r="H72" s="5"/>
      <c r="I72" s="5"/>
      <c r="J72" s="5"/>
      <c r="M72" s="109"/>
      <c r="N72" s="109"/>
      <c r="O72" s="109"/>
      <c r="P72" s="109"/>
      <c r="Q72" s="109"/>
      <c r="R72" s="109"/>
      <c r="S72" s="109"/>
      <c r="T72" s="109"/>
      <c r="U72" s="109"/>
      <c r="V72" s="109"/>
      <c r="W72" s="109"/>
    </row>
    <row r="73" spans="1:23" s="252" customFormat="1" ht="20.100000000000001" customHeight="1">
      <c r="A73" s="17" t="s">
        <v>484</v>
      </c>
      <c r="B73" s="19"/>
      <c r="C73" s="250"/>
      <c r="D73" s="250"/>
      <c r="E73" s="250"/>
      <c r="F73" s="250"/>
      <c r="G73" s="250"/>
      <c r="H73" s="250"/>
      <c r="I73" s="250"/>
      <c r="J73" s="250"/>
      <c r="K73" s="251"/>
      <c r="M73" s="253"/>
      <c r="N73" s="253"/>
      <c r="O73" s="253"/>
      <c r="P73" s="253"/>
      <c r="Q73" s="253"/>
      <c r="R73" s="253"/>
      <c r="S73" s="253"/>
      <c r="T73" s="253"/>
      <c r="U73" s="253"/>
      <c r="V73" s="253"/>
      <c r="W73" s="253"/>
    </row>
    <row r="74" spans="1:23" ht="20.100000000000001" customHeight="1">
      <c r="A74" s="17"/>
      <c r="B74" s="257" t="s">
        <v>485</v>
      </c>
      <c r="C74" s="257"/>
      <c r="D74" s="257"/>
      <c r="E74" s="257"/>
      <c r="F74" s="257"/>
      <c r="G74" s="257"/>
      <c r="H74" s="257"/>
      <c r="I74" s="257"/>
      <c r="J74" s="257"/>
      <c r="K74" s="257"/>
      <c r="M74" s="109"/>
      <c r="N74" s="109"/>
      <c r="O74" s="109"/>
      <c r="P74" s="109"/>
      <c r="Q74" s="109"/>
      <c r="R74" s="109"/>
      <c r="S74" s="109"/>
      <c r="T74" s="109"/>
      <c r="U74" s="109"/>
      <c r="V74" s="109"/>
      <c r="W74" s="109"/>
    </row>
    <row r="75" spans="1:23" ht="20.100000000000001" customHeight="1">
      <c r="A75" s="17"/>
      <c r="B75" s="257"/>
      <c r="C75" s="257"/>
      <c r="D75" s="257"/>
      <c r="E75" s="257"/>
      <c r="F75" s="257"/>
      <c r="G75" s="257"/>
      <c r="H75" s="257"/>
      <c r="I75" s="257"/>
      <c r="J75" s="257"/>
      <c r="K75" s="257"/>
      <c r="M75" s="109"/>
      <c r="N75" s="109"/>
      <c r="O75" s="109"/>
      <c r="P75" s="109"/>
      <c r="Q75" s="109"/>
      <c r="R75" s="109"/>
      <c r="S75" s="109"/>
      <c r="T75" s="109"/>
      <c r="U75" s="109"/>
      <c r="V75" s="109"/>
      <c r="W75" s="109"/>
    </row>
    <row r="76" spans="1:23" ht="20.100000000000001" customHeight="1">
      <c r="A76" s="17"/>
      <c r="B76" s="257"/>
      <c r="C76" s="257"/>
      <c r="D76" s="257"/>
      <c r="E76" s="257"/>
      <c r="F76" s="257"/>
      <c r="G76" s="257"/>
      <c r="H76" s="257"/>
      <c r="I76" s="257"/>
      <c r="J76" s="257"/>
      <c r="K76" s="257"/>
      <c r="M76" s="109"/>
      <c r="N76" s="109"/>
      <c r="O76" s="109"/>
      <c r="P76" s="109"/>
      <c r="Q76" s="109"/>
      <c r="R76" s="109"/>
      <c r="S76" s="109"/>
      <c r="T76" s="109"/>
      <c r="U76" s="109"/>
      <c r="V76" s="109"/>
      <c r="W76" s="109"/>
    </row>
    <row r="77" spans="1:23" ht="20.100000000000001" customHeight="1">
      <c r="A77" s="17" t="s">
        <v>487</v>
      </c>
      <c r="B77" s="19"/>
      <c r="C77" s="250"/>
      <c r="D77" s="250"/>
      <c r="E77" s="250"/>
      <c r="F77" s="250"/>
      <c r="G77" s="250"/>
      <c r="H77" s="250"/>
      <c r="I77" s="250"/>
      <c r="J77" s="250"/>
      <c r="K77" s="251"/>
      <c r="M77" s="109"/>
      <c r="N77" s="109"/>
      <c r="O77" s="109"/>
      <c r="P77" s="109"/>
      <c r="Q77" s="109"/>
      <c r="R77" s="109"/>
      <c r="S77" s="109"/>
      <c r="T77" s="109"/>
      <c r="U77" s="109"/>
      <c r="V77" s="109"/>
      <c r="W77" s="109"/>
    </row>
    <row r="78" spans="1:23" ht="20.100000000000001" customHeight="1">
      <c r="A78" s="16" t="s">
        <v>486</v>
      </c>
      <c r="B78" s="251"/>
      <c r="C78" s="250"/>
      <c r="D78" s="250"/>
      <c r="E78" s="250"/>
      <c r="F78" s="250"/>
      <c r="G78" s="250"/>
      <c r="H78" s="250"/>
      <c r="I78" s="250"/>
      <c r="J78" s="250"/>
      <c r="K78" s="251"/>
      <c r="M78" s="109"/>
      <c r="N78" s="109"/>
      <c r="O78" s="109"/>
      <c r="P78" s="109"/>
      <c r="Q78" s="109"/>
      <c r="R78" s="109"/>
      <c r="S78" s="109"/>
      <c r="T78" s="109"/>
      <c r="U78" s="109"/>
      <c r="V78" s="109"/>
      <c r="W78" s="109"/>
    </row>
    <row r="79" spans="1:23" ht="17.25" customHeight="1">
      <c r="A79" s="19"/>
      <c r="B79" s="19"/>
      <c r="C79" s="5"/>
      <c r="D79" s="5"/>
      <c r="E79" s="5"/>
      <c r="F79" s="5"/>
      <c r="G79" s="5"/>
      <c r="H79" s="5"/>
      <c r="I79" s="5"/>
      <c r="J79" s="5"/>
      <c r="M79" s="109"/>
      <c r="N79" s="109"/>
      <c r="O79" s="109"/>
      <c r="P79" s="109"/>
      <c r="Q79" s="109"/>
      <c r="R79" s="109"/>
      <c r="S79" s="109"/>
      <c r="T79" s="109"/>
      <c r="U79" s="109"/>
      <c r="V79" s="109"/>
      <c r="W79" s="109"/>
    </row>
    <row r="80" spans="1:23" ht="20.100000000000001" customHeight="1">
      <c r="A80" s="63" t="s">
        <v>48</v>
      </c>
      <c r="B80" s="34"/>
      <c r="C80" s="5"/>
      <c r="D80" s="5"/>
      <c r="E80" s="5"/>
      <c r="F80" s="5"/>
      <c r="G80" s="5"/>
      <c r="H80" s="5"/>
      <c r="I80" s="5"/>
      <c r="J80" s="5"/>
      <c r="M80" s="109"/>
      <c r="N80" s="109"/>
      <c r="O80" s="109"/>
      <c r="P80" s="109"/>
      <c r="Q80" s="109"/>
      <c r="R80" s="109"/>
      <c r="S80" s="109"/>
      <c r="T80" s="109"/>
      <c r="U80" s="109"/>
      <c r="V80" s="109"/>
      <c r="W80" s="109"/>
    </row>
    <row r="81" spans="1:23" ht="9.75" customHeight="1">
      <c r="A81" s="63"/>
      <c r="B81" s="34"/>
      <c r="C81" s="5"/>
      <c r="D81" s="5"/>
      <c r="E81" s="5"/>
      <c r="F81" s="5"/>
      <c r="G81" s="5"/>
      <c r="H81" s="5"/>
      <c r="I81" s="5"/>
      <c r="J81" s="5"/>
      <c r="M81" s="109"/>
      <c r="N81" s="109"/>
      <c r="O81" s="109"/>
      <c r="P81" s="109"/>
      <c r="Q81" s="109"/>
      <c r="R81" s="109"/>
      <c r="S81" s="109"/>
      <c r="T81" s="109"/>
      <c r="U81" s="109"/>
      <c r="V81" s="109"/>
      <c r="W81" s="109"/>
    </row>
    <row r="82" spans="1:23" ht="20.100000000000001" customHeight="1">
      <c r="A82" s="19"/>
      <c r="B82" s="19"/>
      <c r="C82" s="28"/>
      <c r="D82" s="5"/>
      <c r="E82" s="5"/>
      <c r="F82" s="5"/>
      <c r="G82" s="5"/>
      <c r="H82" s="5"/>
      <c r="I82" s="5"/>
      <c r="J82" s="5"/>
      <c r="M82" s="109"/>
      <c r="N82" s="109"/>
      <c r="O82" s="109"/>
      <c r="P82" s="109"/>
      <c r="Q82" s="109"/>
      <c r="R82" s="109"/>
      <c r="S82" s="109"/>
      <c r="T82" s="109"/>
      <c r="U82" s="109"/>
      <c r="V82" s="109"/>
      <c r="W82" s="109"/>
    </row>
    <row r="83" spans="1:23" ht="20.100000000000001" customHeight="1">
      <c r="A83" s="19"/>
      <c r="B83" s="19"/>
      <c r="C83" s="28"/>
      <c r="D83" s="29"/>
      <c r="E83" s="29"/>
      <c r="F83" s="29"/>
      <c r="G83" s="29"/>
      <c r="H83" s="29"/>
      <c r="I83" s="29"/>
      <c r="J83" s="29"/>
      <c r="M83" s="109"/>
      <c r="N83" s="109"/>
      <c r="O83" s="109"/>
      <c r="P83" s="109"/>
      <c r="Q83" s="109"/>
      <c r="R83" s="109"/>
      <c r="S83" s="109"/>
      <c r="T83" s="109"/>
      <c r="U83" s="109"/>
      <c r="V83" s="109"/>
      <c r="W83" s="109"/>
    </row>
    <row r="84" spans="1:23" ht="20.100000000000001" customHeight="1">
      <c r="A84" s="19"/>
      <c r="B84" s="19"/>
      <c r="C84" s="28"/>
      <c r="D84" s="29"/>
      <c r="E84" s="29"/>
      <c r="F84" s="29"/>
      <c r="G84" s="29"/>
      <c r="H84" s="29"/>
      <c r="I84" s="29"/>
      <c r="J84" s="29"/>
      <c r="M84" s="109"/>
      <c r="N84" s="109"/>
      <c r="O84" s="109"/>
      <c r="P84" s="109"/>
      <c r="Q84" s="109"/>
      <c r="R84" s="109"/>
      <c r="S84" s="109"/>
      <c r="T84" s="109"/>
      <c r="U84" s="109"/>
      <c r="V84" s="109"/>
      <c r="W84" s="109"/>
    </row>
    <row r="85" spans="1:23" ht="20.100000000000001" customHeight="1">
      <c r="A85" s="19"/>
      <c r="B85" s="19"/>
      <c r="C85" s="28"/>
      <c r="D85" s="29"/>
      <c r="E85" s="29"/>
      <c r="F85" s="29"/>
      <c r="G85" s="29"/>
      <c r="H85" s="29"/>
      <c r="I85" s="29"/>
      <c r="J85" s="29"/>
      <c r="M85" s="109"/>
      <c r="N85" s="109"/>
      <c r="O85" s="109"/>
      <c r="P85" s="109"/>
      <c r="Q85" s="109"/>
      <c r="R85" s="109"/>
      <c r="S85" s="109"/>
      <c r="T85" s="109"/>
      <c r="U85" s="109"/>
      <c r="V85" s="109"/>
      <c r="W85" s="109"/>
    </row>
    <row r="86" spans="1:23" ht="20.100000000000001" customHeight="1">
      <c r="A86" s="19"/>
      <c r="B86" s="19"/>
      <c r="C86" s="28"/>
      <c r="D86" s="29"/>
      <c r="E86" s="29"/>
      <c r="F86" s="29"/>
      <c r="G86" s="29"/>
      <c r="H86" s="29"/>
      <c r="I86" s="29"/>
      <c r="J86" s="29"/>
      <c r="M86" s="109"/>
      <c r="N86" s="109"/>
      <c r="O86" s="109"/>
      <c r="P86" s="109"/>
      <c r="Q86" s="109"/>
      <c r="R86" s="109"/>
      <c r="S86" s="109"/>
      <c r="T86" s="109"/>
      <c r="U86" s="109"/>
      <c r="V86" s="109"/>
      <c r="W86" s="109"/>
    </row>
    <row r="87" spans="1:23" ht="20.100000000000001" customHeight="1">
      <c r="A87" s="19"/>
      <c r="B87" s="19"/>
      <c r="C87" s="28"/>
      <c r="D87" s="29"/>
      <c r="E87" s="29"/>
      <c r="F87" s="29"/>
      <c r="G87" s="29"/>
      <c r="H87" s="29"/>
      <c r="I87" s="29"/>
      <c r="J87" s="29"/>
      <c r="M87" s="109"/>
      <c r="N87" s="109"/>
      <c r="O87" s="109"/>
      <c r="P87" s="109"/>
      <c r="Q87" s="109"/>
      <c r="R87" s="109"/>
      <c r="S87" s="109"/>
      <c r="T87" s="109"/>
      <c r="U87" s="109"/>
      <c r="V87" s="109"/>
      <c r="W87" s="109"/>
    </row>
    <row r="88" spans="1:23" ht="20.100000000000001" customHeight="1">
      <c r="A88" s="19"/>
      <c r="B88" s="19"/>
      <c r="C88" s="28"/>
      <c r="D88" s="29"/>
      <c r="E88" s="29"/>
      <c r="F88" s="29"/>
      <c r="G88" s="29"/>
      <c r="H88" s="29"/>
      <c r="I88" s="29"/>
      <c r="J88" s="29"/>
      <c r="M88" s="109"/>
      <c r="N88" s="109"/>
      <c r="O88" s="109"/>
      <c r="P88" s="109"/>
      <c r="Q88" s="109"/>
      <c r="R88" s="109"/>
      <c r="S88" s="109"/>
      <c r="T88" s="109"/>
      <c r="U88" s="109"/>
      <c r="V88" s="109"/>
      <c r="W88" s="109"/>
    </row>
    <row r="89" spans="1:23" ht="20.100000000000001" customHeight="1">
      <c r="A89" s="19"/>
      <c r="B89" s="19"/>
      <c r="C89" s="28"/>
      <c r="D89" s="29"/>
      <c r="E89" s="29"/>
      <c r="F89" s="29"/>
      <c r="G89" s="29"/>
      <c r="H89" s="29"/>
      <c r="I89" s="29"/>
      <c r="J89" s="29"/>
      <c r="M89" s="27"/>
    </row>
    <row r="90" spans="1:23" ht="20.100000000000001" customHeight="1">
      <c r="A90" s="19"/>
      <c r="B90" s="19"/>
      <c r="C90" s="28"/>
      <c r="D90" s="29"/>
      <c r="E90" s="29"/>
      <c r="F90" s="29"/>
      <c r="G90" s="29"/>
      <c r="H90" s="29"/>
      <c r="I90" s="29"/>
      <c r="J90" s="29"/>
      <c r="M90" s="27"/>
    </row>
    <row r="91" spans="1:23" ht="20.100000000000001" customHeight="1">
      <c r="A91" s="19"/>
      <c r="B91" s="19"/>
      <c r="C91" s="28"/>
      <c r="D91" s="29"/>
      <c r="E91" s="29"/>
      <c r="F91" s="29"/>
      <c r="G91" s="29"/>
      <c r="H91" s="29"/>
      <c r="I91" s="29"/>
      <c r="J91" s="29"/>
      <c r="M91" s="27"/>
    </row>
    <row r="92" spans="1:23" ht="20.100000000000001" customHeight="1">
      <c r="A92" s="19"/>
      <c r="B92" s="19"/>
      <c r="C92" s="28"/>
      <c r="D92" s="29"/>
      <c r="E92" s="29"/>
      <c r="F92" s="29"/>
      <c r="G92" s="29"/>
      <c r="H92" s="29"/>
      <c r="I92" s="29"/>
      <c r="J92" s="29"/>
      <c r="M92" s="27"/>
    </row>
    <row r="93" spans="1:23" ht="20.100000000000001" customHeight="1">
      <c r="A93" s="19"/>
      <c r="B93" s="19"/>
      <c r="C93" s="28"/>
      <c r="D93" s="29"/>
      <c r="E93" s="29"/>
      <c r="F93" s="29"/>
      <c r="G93" s="29"/>
      <c r="H93" s="29"/>
      <c r="I93" s="29"/>
      <c r="J93" s="29"/>
      <c r="M93" s="27"/>
    </row>
    <row r="94" spans="1:23" ht="20.100000000000001" customHeight="1">
      <c r="A94" s="19"/>
      <c r="B94" s="19"/>
      <c r="C94" s="28"/>
      <c r="D94" s="29"/>
      <c r="E94" s="29"/>
      <c r="F94" s="29"/>
      <c r="G94" s="29"/>
      <c r="H94" s="29"/>
      <c r="I94" s="29"/>
      <c r="J94" s="29"/>
      <c r="M94" s="27"/>
    </row>
    <row r="95" spans="1:23" ht="20.100000000000001" customHeight="1">
      <c r="A95" s="19"/>
      <c r="B95" s="19"/>
      <c r="C95" s="28"/>
      <c r="D95" s="29"/>
      <c r="E95" s="29"/>
      <c r="F95" s="29"/>
      <c r="G95" s="29"/>
      <c r="H95" s="29"/>
      <c r="I95" s="29"/>
      <c r="J95" s="29"/>
      <c r="M95" s="27"/>
    </row>
    <row r="96" spans="1:23" ht="20.100000000000001" customHeight="1">
      <c r="A96" s="19"/>
      <c r="B96" s="19"/>
      <c r="C96" s="28"/>
      <c r="D96" s="29"/>
      <c r="E96" s="29"/>
      <c r="F96" s="29"/>
      <c r="G96" s="29"/>
      <c r="H96" s="29"/>
      <c r="I96" s="29"/>
      <c r="J96" s="29"/>
      <c r="M96" s="27"/>
    </row>
    <row r="97" spans="1:13" ht="20.100000000000001" customHeight="1">
      <c r="A97" s="19"/>
      <c r="B97" s="19"/>
      <c r="C97" s="28"/>
      <c r="D97" s="29"/>
      <c r="E97" s="29"/>
      <c r="F97" s="29"/>
      <c r="G97" s="29"/>
      <c r="H97" s="29"/>
      <c r="I97" s="29"/>
      <c r="J97" s="29"/>
      <c r="M97" s="27"/>
    </row>
    <row r="98" spans="1:13" ht="20.100000000000001" customHeight="1">
      <c r="A98" s="19"/>
      <c r="B98" s="19"/>
      <c r="C98" s="28"/>
      <c r="D98" s="29"/>
      <c r="E98" s="29"/>
      <c r="F98" s="29"/>
      <c r="G98" s="29"/>
      <c r="H98" s="29"/>
      <c r="I98" s="29"/>
      <c r="J98" s="29"/>
      <c r="M98" s="27"/>
    </row>
    <row r="99" spans="1:13" ht="20.100000000000001" customHeight="1">
      <c r="A99" s="19"/>
      <c r="B99" s="19"/>
      <c r="C99" s="28"/>
      <c r="D99" s="29"/>
      <c r="E99" s="29"/>
      <c r="F99" s="29"/>
      <c r="G99" s="29"/>
      <c r="H99" s="29"/>
      <c r="I99" s="29"/>
      <c r="J99" s="29"/>
      <c r="M99" s="27"/>
    </row>
    <row r="100" spans="1:13" ht="20.100000000000001" customHeight="1">
      <c r="A100" s="19"/>
      <c r="B100" s="19"/>
      <c r="C100" s="28"/>
      <c r="D100" s="29"/>
      <c r="E100" s="29"/>
      <c r="F100" s="29"/>
      <c r="G100" s="29"/>
      <c r="H100" s="29"/>
      <c r="I100" s="29"/>
      <c r="J100" s="29"/>
      <c r="M100" s="27"/>
    </row>
    <row r="101" spans="1:13" ht="20.100000000000001" customHeight="1">
      <c r="A101" s="19"/>
      <c r="B101" s="19"/>
      <c r="C101" s="28"/>
      <c r="D101" s="29"/>
      <c r="E101" s="29"/>
      <c r="F101" s="29"/>
      <c r="G101" s="29"/>
      <c r="H101" s="29"/>
      <c r="I101" s="29"/>
      <c r="J101" s="29"/>
      <c r="M101" s="27"/>
    </row>
    <row r="102" spans="1:13" ht="20.100000000000001" customHeight="1">
      <c r="A102" s="19"/>
      <c r="B102" s="19"/>
      <c r="C102" s="28"/>
      <c r="D102" s="29"/>
      <c r="E102" s="29"/>
      <c r="F102" s="29"/>
      <c r="G102" s="29"/>
      <c r="H102" s="29"/>
      <c r="I102" s="29"/>
      <c r="J102" s="29"/>
      <c r="M102" s="27"/>
    </row>
    <row r="103" spans="1:13" ht="20.100000000000001" customHeight="1">
      <c r="A103" s="19"/>
      <c r="B103" s="19"/>
      <c r="C103" s="28"/>
      <c r="D103" s="29"/>
      <c r="E103" s="29"/>
      <c r="F103" s="29"/>
      <c r="G103" s="29"/>
      <c r="H103" s="29"/>
      <c r="I103" s="29"/>
      <c r="J103" s="29"/>
      <c r="M103" s="27"/>
    </row>
    <row r="104" spans="1:13" ht="20.100000000000001" customHeight="1">
      <c r="A104" s="19"/>
      <c r="B104" s="19"/>
      <c r="C104" s="28"/>
      <c r="D104" s="29"/>
      <c r="E104" s="29"/>
      <c r="F104" s="29"/>
      <c r="G104" s="29"/>
      <c r="H104" s="29"/>
      <c r="I104" s="29"/>
      <c r="J104" s="29"/>
      <c r="M104" s="27"/>
    </row>
    <row r="105" spans="1:13" ht="20.100000000000001" customHeight="1">
      <c r="A105" s="31"/>
      <c r="B105" s="31"/>
      <c r="C105" s="32"/>
      <c r="D105" s="33"/>
      <c r="E105" s="33"/>
      <c r="F105" s="33"/>
      <c r="G105" s="33"/>
      <c r="H105" s="29"/>
      <c r="I105" s="29"/>
      <c r="J105" s="29"/>
      <c r="M105" s="27"/>
    </row>
    <row r="106" spans="1:13" ht="20.100000000000001" customHeight="1">
      <c r="A106" s="31"/>
      <c r="B106" s="31"/>
      <c r="C106" s="32"/>
      <c r="D106" s="33"/>
      <c r="E106" s="33"/>
      <c r="F106" s="33"/>
      <c r="G106" s="33"/>
      <c r="H106" s="29"/>
      <c r="I106" s="29"/>
      <c r="J106" s="29"/>
      <c r="M106" s="27"/>
    </row>
    <row r="107" spans="1:13" ht="20.100000000000001" customHeight="1">
      <c r="A107" s="31"/>
      <c r="B107" s="31"/>
      <c r="C107" s="32"/>
      <c r="D107" s="33"/>
      <c r="E107" s="33"/>
      <c r="F107" s="33"/>
      <c r="G107" s="33"/>
      <c r="H107" s="29"/>
      <c r="I107" s="29"/>
      <c r="J107" s="29"/>
      <c r="M107" s="27"/>
    </row>
    <row r="108" spans="1:13" ht="20.100000000000001" customHeight="1">
      <c r="A108" s="19"/>
      <c r="B108" s="19"/>
      <c r="C108" s="28"/>
      <c r="D108" s="29"/>
      <c r="E108" s="29"/>
      <c r="F108" s="29"/>
      <c r="G108" s="29"/>
      <c r="H108" s="29"/>
      <c r="I108" s="29"/>
      <c r="J108" s="29"/>
      <c r="M108" s="27"/>
    </row>
    <row r="109" spans="1:13" ht="20.100000000000001" customHeight="1">
      <c r="A109" s="19"/>
      <c r="B109" s="19"/>
      <c r="C109" s="28"/>
      <c r="D109" s="29"/>
      <c r="E109" s="29"/>
      <c r="F109" s="29"/>
      <c r="G109" s="29"/>
      <c r="H109" s="29"/>
      <c r="I109" s="29"/>
      <c r="J109" s="29"/>
      <c r="M109" s="27"/>
    </row>
    <row r="110" spans="1:13" ht="20.100000000000001" customHeight="1">
      <c r="A110" s="19"/>
      <c r="B110" s="19"/>
      <c r="C110" s="28"/>
      <c r="D110" s="29"/>
      <c r="E110" s="29"/>
      <c r="F110" s="29"/>
      <c r="G110" s="29"/>
      <c r="H110" s="29"/>
      <c r="I110" s="29"/>
      <c r="J110" s="29"/>
      <c r="M110" s="27"/>
    </row>
    <row r="111" spans="1:13" ht="20.100000000000001" customHeight="1">
      <c r="A111" s="19"/>
      <c r="B111" s="19"/>
      <c r="C111" s="28"/>
      <c r="D111" s="29"/>
      <c r="E111" s="29"/>
      <c r="F111" s="29"/>
      <c r="G111" s="29"/>
      <c r="H111" s="29"/>
      <c r="I111" s="29"/>
      <c r="J111" s="29"/>
      <c r="M111" s="27"/>
    </row>
    <row r="112" spans="1:13" ht="20.100000000000001" customHeight="1">
      <c r="A112" s="19"/>
      <c r="B112" s="19"/>
      <c r="C112" s="5"/>
      <c r="D112" s="5"/>
      <c r="E112" s="5"/>
      <c r="F112" s="5"/>
      <c r="G112" s="5"/>
      <c r="H112" s="5"/>
      <c r="I112" s="5"/>
      <c r="J112" s="5"/>
    </row>
    <row r="113" spans="1:10" ht="17.25" customHeight="1">
      <c r="A113" s="19"/>
      <c r="B113" s="19"/>
      <c r="C113" s="5"/>
      <c r="D113" s="5"/>
      <c r="E113" s="5"/>
      <c r="F113" s="5"/>
      <c r="G113" s="5"/>
      <c r="H113" s="5"/>
      <c r="I113" s="5"/>
      <c r="J113" s="5"/>
    </row>
    <row r="114" spans="1:10" ht="19.5" customHeight="1">
      <c r="A114" s="22" t="s">
        <v>112</v>
      </c>
      <c r="B114" s="22"/>
      <c r="C114" s="5"/>
      <c r="D114" s="5"/>
      <c r="E114" s="5"/>
      <c r="F114" s="5"/>
      <c r="G114" s="5"/>
      <c r="H114" s="5"/>
      <c r="I114" s="5"/>
      <c r="J114" s="5"/>
    </row>
    <row r="115" spans="1:10" ht="17.25" customHeight="1">
      <c r="A115" s="22"/>
      <c r="B115" s="22"/>
      <c r="C115" s="5"/>
      <c r="D115" s="5"/>
      <c r="E115" s="5"/>
      <c r="F115" s="5"/>
      <c r="G115" s="5"/>
      <c r="H115" s="5"/>
      <c r="I115" s="5"/>
      <c r="J115" s="5"/>
    </row>
    <row r="116" spans="1:10" ht="18" customHeight="1">
      <c r="A116" s="24" t="s">
        <v>302</v>
      </c>
      <c r="B116" s="23"/>
    </row>
    <row r="117" spans="1:10" ht="18" customHeight="1">
      <c r="A117" s="23" t="s">
        <v>463</v>
      </c>
      <c r="B117" s="23"/>
    </row>
    <row r="118" spans="1:10" ht="18" customHeight="1">
      <c r="A118" s="23" t="s">
        <v>481</v>
      </c>
      <c r="B118" s="23"/>
    </row>
    <row r="119" spans="1:10" ht="18" customHeight="1">
      <c r="A119" s="9" t="s">
        <v>482</v>
      </c>
      <c r="B119" s="9"/>
    </row>
    <row r="120" spans="1:10" ht="17.25" customHeight="1"/>
    <row r="121" spans="1:10" ht="18" customHeight="1">
      <c r="A121" s="21" t="s">
        <v>95</v>
      </c>
      <c r="B121" s="21"/>
    </row>
    <row r="122" spans="1:10" ht="17.25" customHeight="1">
      <c r="A122" s="21"/>
      <c r="B122" s="21"/>
    </row>
    <row r="123" spans="1:10" ht="18" customHeight="1">
      <c r="A123" s="24" t="s">
        <v>123</v>
      </c>
      <c r="B123" s="24"/>
    </row>
    <row r="124" spans="1:10" ht="18" customHeight="1">
      <c r="A124" s="17" t="s">
        <v>122</v>
      </c>
      <c r="B124" s="17"/>
    </row>
    <row r="125" spans="1:10" ht="18" customHeight="1">
      <c r="A125" s="18"/>
      <c r="B125" s="18"/>
    </row>
  </sheetData>
  <mergeCells count="1">
    <mergeCell ref="B74:K76"/>
  </mergeCells>
  <phoneticPr fontId="7"/>
  <conditionalFormatting sqref="N82:N111">
    <cfRule type="cellIs" dxfId="0" priority="1" stopIfTrue="1" operator="greaterThan">
      <formula>35</formula>
    </cfRule>
  </conditionalFormatting>
  <printOptions horizontalCentered="1"/>
  <pageMargins left="0.78740157480314965" right="0.39370078740157483" top="0.98425196850393704" bottom="0.98425196850393704" header="0.51181102362204722" footer="0.51181102362204722"/>
  <pageSetup paperSize="9" firstPageNumber="2" orientation="portrait" useFirstPageNumber="1" r:id="rId1"/>
  <headerFooter alignWithMargins="0">
    <oddFooter>&amp;C－&amp;P－</oddFooter>
  </headerFooter>
  <rowBreaks count="2" manualBreakCount="2">
    <brk id="78" max="9" man="1"/>
    <brk id="112" max="9" man="1"/>
  </row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M46"/>
  <sheetViews>
    <sheetView view="pageBreakPreview" topLeftCell="A20" zoomScale="85" zoomScaleNormal="100" zoomScaleSheetLayoutView="100" workbookViewId="0">
      <selection activeCell="F11" sqref="F11"/>
    </sheetView>
  </sheetViews>
  <sheetFormatPr defaultRowHeight="13.2"/>
  <cols>
    <col min="1" max="1" width="5.77734375" bestFit="1" customWidth="1"/>
    <col min="2" max="2" width="9" style="5" customWidth="1"/>
    <col min="3" max="3" width="4.44140625" style="5" bestFit="1" customWidth="1"/>
    <col min="4" max="4" width="3.44140625" bestFit="1" customWidth="1"/>
    <col min="13" max="13" width="14.77734375" customWidth="1"/>
  </cols>
  <sheetData>
    <row r="2" spans="1:13" s="7" customFormat="1" ht="18" customHeight="1">
      <c r="B2" s="118"/>
      <c r="E2" s="62"/>
    </row>
    <row r="3" spans="1:13" ht="47.25" customHeight="1">
      <c r="E3" s="258" t="s">
        <v>336</v>
      </c>
      <c r="F3" s="258"/>
      <c r="G3" s="258"/>
      <c r="H3" s="258"/>
      <c r="I3" s="258"/>
      <c r="J3" s="258"/>
      <c r="K3" s="258"/>
      <c r="L3" s="258"/>
      <c r="M3" s="258"/>
    </row>
    <row r="4" spans="1:13" ht="12" customHeight="1">
      <c r="B4" s="75" t="s">
        <v>101</v>
      </c>
    </row>
    <row r="5" spans="1:13" ht="18" customHeight="1">
      <c r="A5" s="74" t="s">
        <v>70</v>
      </c>
      <c r="B5" s="70" t="s">
        <v>483</v>
      </c>
      <c r="C5" s="7">
        <v>1</v>
      </c>
      <c r="D5" s="7">
        <v>80</v>
      </c>
      <c r="E5" s="124" t="str">
        <f>MIDB(B$5,C5,D5)</f>
        <v>　受注者は、富山市建設工事請負契約約款及び土木工事共通仕様書の規定により、施工前</v>
      </c>
      <c r="G5" s="70"/>
      <c r="H5" s="70"/>
      <c r="I5" s="70"/>
      <c r="J5" s="70"/>
      <c r="K5" s="70"/>
    </row>
    <row r="6" spans="1:13" ht="18" customHeight="1">
      <c r="B6" s="72"/>
      <c r="C6">
        <f>C5+D5</f>
        <v>81</v>
      </c>
      <c r="D6">
        <v>80</v>
      </c>
      <c r="E6" s="124" t="str">
        <f>MIDB(B$5,C6,D6)</f>
        <v>及び施工途中において「設計図書の照査」を実施することになるが、この「設計図書の照</v>
      </c>
      <c r="F6" s="71"/>
      <c r="G6" s="70"/>
      <c r="H6" s="70"/>
      <c r="I6" s="70"/>
      <c r="J6" s="70"/>
      <c r="K6" s="70"/>
    </row>
    <row r="7" spans="1:13" ht="18" customHeight="1">
      <c r="B7" s="72"/>
      <c r="C7">
        <f>C6+D6</f>
        <v>161</v>
      </c>
      <c r="D7" s="7">
        <v>80</v>
      </c>
      <c r="E7" s="124" t="str">
        <f>MIDB(B$5,C7,D7)</f>
        <v>査」に際しては、「設計図書の照査要領」に基づき照査を行うこととし、その照査結果に</v>
      </c>
      <c r="F7" s="71"/>
      <c r="G7" s="70"/>
      <c r="H7" s="70"/>
      <c r="I7" s="70"/>
      <c r="J7" s="70"/>
      <c r="K7" s="70"/>
    </row>
    <row r="8" spans="1:13" ht="18" customHeight="1">
      <c r="B8" s="72"/>
      <c r="C8">
        <f>C7+D7</f>
        <v>241</v>
      </c>
      <c r="D8" s="7">
        <v>80</v>
      </c>
      <c r="E8" s="124" t="str">
        <f>MIDB(B$5,C8,D8)</f>
        <v xml:space="preserve">ついては、工事打合せ簿に添付して監督員に報告するものとする。
</v>
      </c>
      <c r="F8" s="71"/>
      <c r="G8" s="70"/>
      <c r="H8" s="70"/>
      <c r="I8" s="70"/>
      <c r="J8" s="70"/>
      <c r="K8" s="70"/>
    </row>
    <row r="9" spans="1:13" ht="14.25" customHeight="1">
      <c r="B9" s="72"/>
      <c r="C9"/>
      <c r="D9" s="7"/>
      <c r="E9" s="71"/>
      <c r="F9" s="71"/>
      <c r="G9" s="70"/>
      <c r="H9" s="70"/>
      <c r="I9" s="70"/>
      <c r="J9" s="70"/>
      <c r="K9" s="70"/>
    </row>
    <row r="10" spans="1:13" ht="18" customHeight="1">
      <c r="B10" s="72"/>
      <c r="C10"/>
      <c r="D10" s="7"/>
      <c r="E10" s="123" t="s">
        <v>222</v>
      </c>
      <c r="F10" s="71"/>
      <c r="G10" s="70"/>
      <c r="H10" s="70"/>
      <c r="I10" s="70"/>
      <c r="J10" s="70"/>
      <c r="K10" s="70"/>
    </row>
    <row r="11" spans="1:13" ht="14.25" customHeight="1">
      <c r="B11" s="72"/>
      <c r="C11"/>
      <c r="D11" s="7"/>
      <c r="E11" s="71"/>
      <c r="F11" s="71"/>
      <c r="G11" s="70"/>
      <c r="H11" s="70"/>
      <c r="I11" s="70"/>
      <c r="J11" s="70"/>
      <c r="K11" s="70"/>
    </row>
    <row r="12" spans="1:13" ht="18" customHeight="1">
      <c r="A12" s="74" t="s">
        <v>71</v>
      </c>
      <c r="B12" s="72" t="s">
        <v>328</v>
      </c>
      <c r="C12" s="7">
        <v>1</v>
      </c>
      <c r="D12" s="7">
        <v>80</v>
      </c>
      <c r="E12" s="124" t="str">
        <f>MIDB(B$12,C12,D12)</f>
        <v>①施工前に行う設計図書の照査時に、工事内容から判断して照査が必要と考えられる項目</v>
      </c>
      <c r="F12" s="71"/>
      <c r="G12" s="70"/>
      <c r="H12" s="70"/>
      <c r="I12" s="70"/>
      <c r="J12" s="70"/>
      <c r="K12" s="70"/>
    </row>
    <row r="13" spans="1:13" ht="18" customHeight="1">
      <c r="B13" s="72"/>
      <c r="C13">
        <f>C12+D12</f>
        <v>81</v>
      </c>
      <c r="D13">
        <v>78</v>
      </c>
      <c r="E13" s="124" t="str">
        <f>"　"&amp;MIDB(B$12,C13,D13)</f>
        <v>　には「照査対象」欄の「有」にチェックをし、必要ないと考えられる項目には「無」に</v>
      </c>
      <c r="F13" s="71"/>
      <c r="G13" s="70"/>
      <c r="H13" s="70"/>
      <c r="I13" s="70"/>
      <c r="J13" s="70"/>
      <c r="K13" s="70"/>
    </row>
    <row r="14" spans="1:13" ht="18" customHeight="1">
      <c r="B14" s="72"/>
      <c r="C14">
        <f>C13+D13</f>
        <v>159</v>
      </c>
      <c r="D14" s="7">
        <v>78</v>
      </c>
      <c r="E14" s="124" t="str">
        <f>"　"&amp;MIDB(B$12,C14,D14)</f>
        <v>　チェックを入れる。</v>
      </c>
      <c r="F14" s="71"/>
      <c r="G14" s="70"/>
      <c r="H14" s="70"/>
      <c r="I14" s="70"/>
      <c r="J14" s="70"/>
      <c r="K14" s="70"/>
    </row>
    <row r="15" spans="1:13" ht="18" customHeight="1">
      <c r="A15" s="74" t="s">
        <v>72</v>
      </c>
      <c r="B15" s="72" t="s">
        <v>329</v>
      </c>
      <c r="C15" s="7">
        <v>1</v>
      </c>
      <c r="D15" s="7">
        <v>78</v>
      </c>
      <c r="E15" s="124" t="str">
        <f>"　"&amp;MIDB(B$15,C15,D15)</f>
        <v>　なお、施工前には確認できないが将来的に照査が必要な項目にも「有」にチェックを入</v>
      </c>
      <c r="F15" s="71"/>
      <c r="G15" s="70"/>
      <c r="H15" s="70"/>
      <c r="I15" s="70"/>
      <c r="J15" s="70"/>
      <c r="K15" s="70"/>
    </row>
    <row r="16" spans="1:13" ht="18" customHeight="1">
      <c r="B16" s="72"/>
      <c r="C16">
        <f>C15+D15</f>
        <v>79</v>
      </c>
      <c r="D16">
        <v>78</v>
      </c>
      <c r="E16" s="124" t="str">
        <f>"　"&amp;MIDB(B$15,C16,D16)</f>
        <v xml:space="preserve">　れるものとし、照査の各段階でそれぞれ見直すこととする。
</v>
      </c>
      <c r="F16" s="71"/>
      <c r="G16" s="70"/>
      <c r="H16" s="70"/>
      <c r="I16" s="70"/>
      <c r="J16" s="70"/>
      <c r="K16" s="70"/>
    </row>
    <row r="17" spans="1:11" ht="7.5" customHeight="1">
      <c r="B17" s="72"/>
      <c r="C17"/>
      <c r="D17" s="7"/>
      <c r="E17" s="124"/>
      <c r="F17" s="71"/>
      <c r="G17" s="70"/>
      <c r="H17" s="70"/>
      <c r="I17" s="70"/>
      <c r="J17" s="70"/>
      <c r="K17" s="70"/>
    </row>
    <row r="18" spans="1:11" ht="18" customHeight="1">
      <c r="A18" s="74" t="s">
        <v>73</v>
      </c>
      <c r="B18" s="70" t="s">
        <v>438</v>
      </c>
      <c r="C18" s="7">
        <v>1</v>
      </c>
      <c r="D18" s="7">
        <v>82</v>
      </c>
      <c r="E18" s="124" t="str">
        <f>MIDB(B$18,C18,D18)</f>
        <v>②照査を完了した項目について、「照査実施」欄の「済」にチェックし、日付を記入する。</v>
      </c>
      <c r="F18" s="71"/>
      <c r="G18" s="70"/>
      <c r="H18" s="70"/>
      <c r="I18" s="70"/>
      <c r="J18" s="70"/>
      <c r="K18" s="70"/>
    </row>
    <row r="19" spans="1:11" ht="18" hidden="1" customHeight="1">
      <c r="B19" s="72"/>
      <c r="C19">
        <f>C18+D18</f>
        <v>83</v>
      </c>
      <c r="D19">
        <v>78</v>
      </c>
      <c r="E19" s="124" t="str">
        <f>"　"&amp;MIDB(B$18,C19,D19)</f>
        <v xml:space="preserve">　
</v>
      </c>
      <c r="F19" s="71"/>
      <c r="G19" s="70"/>
      <c r="H19" s="70"/>
      <c r="I19" s="70"/>
      <c r="J19" s="70"/>
      <c r="K19" s="70"/>
    </row>
    <row r="20" spans="1:11" ht="7.5" customHeight="1">
      <c r="B20" s="72"/>
      <c r="C20"/>
      <c r="E20" s="125"/>
      <c r="F20" s="71"/>
      <c r="G20" s="70"/>
      <c r="H20" s="70"/>
      <c r="I20" s="70"/>
      <c r="J20" s="70"/>
      <c r="K20" s="70"/>
    </row>
    <row r="21" spans="1:11" ht="18" customHeight="1">
      <c r="A21" s="74" t="s">
        <v>74</v>
      </c>
      <c r="B21" s="72" t="s">
        <v>0</v>
      </c>
      <c r="C21" s="7">
        <v>1</v>
      </c>
      <c r="D21" s="7">
        <v>80</v>
      </c>
      <c r="E21" s="124" t="str">
        <f>MIDB(B$21,C21,D21)</f>
        <v>③照査を完了した項目について、約款第１８条第１項（１）から（５）に該当する事実が</v>
      </c>
      <c r="F21" s="71"/>
      <c r="G21" s="70"/>
      <c r="H21" s="70"/>
      <c r="I21" s="70"/>
      <c r="J21" s="70"/>
      <c r="K21" s="70"/>
    </row>
    <row r="22" spans="1:11" ht="18" customHeight="1">
      <c r="B22" s="72"/>
      <c r="C22">
        <f>C21+D21</f>
        <v>81</v>
      </c>
      <c r="D22">
        <v>78</v>
      </c>
      <c r="E22" s="124" t="str">
        <f>"　"&amp;MIDB(B$21,C22,D22)</f>
        <v>　ある場合には「該当事実」欄の「有」にチェック、ない場合には「無」にチェックを入</v>
      </c>
      <c r="F22" s="71"/>
      <c r="G22" s="70"/>
      <c r="H22" s="70"/>
      <c r="I22" s="70"/>
      <c r="J22" s="70"/>
      <c r="K22" s="70"/>
    </row>
    <row r="23" spans="1:11" ht="18" customHeight="1">
      <c r="B23" s="72"/>
      <c r="C23">
        <f>C22+D22</f>
        <v>159</v>
      </c>
      <c r="D23" s="7">
        <v>78</v>
      </c>
      <c r="E23" s="124" t="str">
        <f>"　"&amp;MIDB(B$21,C23,D23)</f>
        <v>　れる。</v>
      </c>
      <c r="F23" s="71"/>
      <c r="G23" s="70"/>
      <c r="H23" s="70"/>
      <c r="I23" s="70"/>
      <c r="J23" s="70"/>
      <c r="K23" s="70"/>
    </row>
    <row r="24" spans="1:11" ht="7.5" customHeight="1">
      <c r="B24" s="72"/>
      <c r="C24"/>
      <c r="D24" s="7"/>
      <c r="E24" s="124"/>
      <c r="F24" s="71"/>
      <c r="G24" s="70"/>
      <c r="H24" s="70"/>
      <c r="I24" s="70"/>
      <c r="J24" s="70"/>
      <c r="K24" s="70"/>
    </row>
    <row r="25" spans="1:11" ht="18" customHeight="1">
      <c r="A25" s="74" t="s">
        <v>98</v>
      </c>
      <c r="B25" s="72" t="s">
        <v>330</v>
      </c>
      <c r="C25" s="7">
        <v>1</v>
      </c>
      <c r="D25" s="7">
        <v>80</v>
      </c>
      <c r="E25" s="124" t="str">
        <f>MIDB(B$25,C25,D25)</f>
        <v>④チェックリストを工事打合せ簿に添付して監督員に提出し、照査状況および結果を報告</v>
      </c>
      <c r="F25" s="71"/>
      <c r="G25" s="70"/>
      <c r="H25" s="70"/>
      <c r="I25" s="70"/>
      <c r="J25" s="70"/>
      <c r="K25" s="70"/>
    </row>
    <row r="26" spans="1:11" ht="18" customHeight="1">
      <c r="B26" s="72"/>
      <c r="C26">
        <f>C25+D25</f>
        <v>81</v>
      </c>
      <c r="D26">
        <v>78</v>
      </c>
      <c r="E26" s="124" t="str">
        <f>"　"&amp;MIDB(B$25,C26,D26)</f>
        <v>　する。</v>
      </c>
      <c r="F26" s="71"/>
      <c r="G26" s="70"/>
      <c r="H26" s="70"/>
      <c r="I26" s="70"/>
      <c r="J26" s="70"/>
      <c r="K26" s="70"/>
    </row>
    <row r="27" spans="1:11" ht="18" customHeight="1">
      <c r="A27" s="74" t="s">
        <v>99</v>
      </c>
      <c r="B27" s="72" t="s">
        <v>1</v>
      </c>
      <c r="C27" s="7">
        <v>1</v>
      </c>
      <c r="D27" s="7">
        <v>78</v>
      </c>
      <c r="E27" s="124" t="str">
        <f>"　"&amp;MIDB(B$27,C27,D27)</f>
        <v>　その際に③の「該当事実」が「有」の項目にチェックした場合は、監督員にその事実が</v>
      </c>
      <c r="F27" s="71"/>
      <c r="G27" s="70"/>
      <c r="H27" s="70"/>
      <c r="I27" s="70"/>
      <c r="J27" s="70"/>
      <c r="K27" s="70"/>
    </row>
    <row r="28" spans="1:11" ht="18" customHeight="1">
      <c r="B28" s="72"/>
      <c r="C28">
        <f>C27+D27</f>
        <v>79</v>
      </c>
      <c r="D28">
        <v>78</v>
      </c>
      <c r="E28" s="124" t="str">
        <f>"　"&amp;MIDB(B$27,C28,D28)</f>
        <v>　確認できる資料も添付して提出する。</v>
      </c>
      <c r="F28" s="71"/>
      <c r="G28" s="70"/>
      <c r="H28" s="70"/>
      <c r="I28" s="70"/>
      <c r="J28" s="70"/>
      <c r="K28" s="70"/>
    </row>
    <row r="29" spans="1:11" ht="7.5" customHeight="1">
      <c r="B29" s="72"/>
      <c r="C29"/>
      <c r="D29" s="7"/>
      <c r="E29" s="16"/>
      <c r="F29" s="71"/>
      <c r="G29" s="70"/>
      <c r="H29" s="70"/>
      <c r="I29" s="70"/>
      <c r="J29" s="70"/>
      <c r="K29" s="70"/>
    </row>
    <row r="30" spans="1:11" ht="18" customHeight="1">
      <c r="B30" s="72"/>
      <c r="C30"/>
      <c r="D30" s="7"/>
      <c r="E30" s="117" t="s">
        <v>337</v>
      </c>
      <c r="F30" s="71"/>
      <c r="G30" s="70"/>
      <c r="H30" s="70"/>
      <c r="I30" s="70"/>
      <c r="J30" s="70"/>
      <c r="K30" s="70"/>
    </row>
    <row r="31" spans="1:11" ht="14.25" customHeight="1">
      <c r="B31" s="72"/>
      <c r="C31"/>
      <c r="D31" s="7"/>
      <c r="E31" s="71"/>
      <c r="F31" s="71"/>
      <c r="G31" s="70"/>
      <c r="H31" s="70"/>
      <c r="I31" s="70"/>
      <c r="J31" s="70"/>
      <c r="K31" s="70"/>
    </row>
    <row r="32" spans="1:11" ht="18" customHeight="1">
      <c r="A32" s="74" t="s">
        <v>100</v>
      </c>
      <c r="B32" s="72" t="s">
        <v>331</v>
      </c>
      <c r="C32" s="7">
        <v>1</v>
      </c>
      <c r="D32" s="7">
        <v>80</v>
      </c>
      <c r="E32" s="124" t="str">
        <f>MIDB(B$32,C32,D32)</f>
        <v>①施工前及び施工途中の各照査段階において、照査を実施した項目にチェックと日付を記</v>
      </c>
      <c r="F32" s="71"/>
      <c r="G32" s="70"/>
      <c r="H32" s="70"/>
      <c r="I32" s="70"/>
      <c r="J32" s="70"/>
      <c r="K32" s="70"/>
    </row>
    <row r="33" spans="1:11" ht="18" customHeight="1">
      <c r="B33" s="72"/>
      <c r="C33">
        <f>C32+D32</f>
        <v>81</v>
      </c>
      <c r="D33">
        <v>78</v>
      </c>
      <c r="E33" s="124" t="str">
        <f>"　"&amp;MIDB(B$32,C33,D33)</f>
        <v>　載し、完了している照査項目、今回実施した照査項目、照査対象であるが未照査項目を</v>
      </c>
      <c r="F33" s="71"/>
      <c r="G33" s="70"/>
      <c r="H33" s="70"/>
      <c r="I33" s="70"/>
      <c r="J33" s="70"/>
      <c r="K33" s="70"/>
    </row>
    <row r="34" spans="1:11" ht="18" customHeight="1">
      <c r="B34" s="72"/>
      <c r="C34">
        <f>C33+D33</f>
        <v>159</v>
      </c>
      <c r="D34" s="7">
        <v>78</v>
      </c>
      <c r="E34" s="124" t="str">
        <f>"　"&amp;MIDB(B$32,C34,D34)</f>
        <v>　明確にする。</v>
      </c>
      <c r="F34" s="71"/>
      <c r="G34" s="70"/>
      <c r="H34" s="70"/>
      <c r="I34" s="70"/>
      <c r="J34" s="70"/>
      <c r="K34" s="70"/>
    </row>
    <row r="35" spans="1:11" ht="7.5" customHeight="1">
      <c r="B35" s="72"/>
      <c r="C35"/>
      <c r="D35" s="7"/>
      <c r="E35" s="124"/>
      <c r="F35" s="71"/>
      <c r="G35" s="70"/>
      <c r="H35" s="70"/>
      <c r="I35" s="70"/>
      <c r="J35" s="70"/>
      <c r="K35" s="70"/>
    </row>
    <row r="36" spans="1:11" ht="18" customHeight="1">
      <c r="A36" s="74" t="s">
        <v>338</v>
      </c>
      <c r="B36" s="72" t="s">
        <v>332</v>
      </c>
      <c r="C36" s="7">
        <v>1</v>
      </c>
      <c r="D36" s="7">
        <v>80</v>
      </c>
      <c r="E36" s="124" t="str">
        <f>MIDB(B$36,C36,D36)</f>
        <v>②１つの照査項目の中に複数の確認事項がある場合、打合せ簿、備考欄、別紙等を用いて</v>
      </c>
      <c r="F36" s="71"/>
      <c r="G36" s="70"/>
      <c r="H36" s="70"/>
      <c r="I36" s="70"/>
      <c r="J36" s="70"/>
      <c r="K36" s="70"/>
    </row>
    <row r="37" spans="1:11" ht="18" customHeight="1">
      <c r="B37" s="72"/>
      <c r="C37">
        <f>C36+D36</f>
        <v>81</v>
      </c>
      <c r="D37">
        <v>78</v>
      </c>
      <c r="E37" s="124" t="str">
        <f>"　"&amp;MIDB(B$36,C37,D37)</f>
        <v>　確認済の内容がわかるようにする。</v>
      </c>
      <c r="F37" s="71"/>
      <c r="G37" s="70"/>
      <c r="H37" s="70"/>
      <c r="I37" s="70"/>
      <c r="J37" s="70"/>
      <c r="K37" s="70"/>
    </row>
    <row r="38" spans="1:11" ht="7.5" customHeight="1">
      <c r="B38" s="72"/>
      <c r="C38"/>
      <c r="D38" s="7"/>
      <c r="E38" s="124"/>
      <c r="F38" s="71"/>
      <c r="G38" s="70"/>
      <c r="H38" s="70"/>
      <c r="I38" s="70"/>
      <c r="J38" s="70"/>
      <c r="K38" s="70"/>
    </row>
    <row r="39" spans="1:11" ht="18" customHeight="1">
      <c r="A39" s="74" t="s">
        <v>339</v>
      </c>
      <c r="B39" s="72" t="s">
        <v>333</v>
      </c>
      <c r="C39" s="7">
        <v>1</v>
      </c>
      <c r="D39" s="7">
        <v>80</v>
      </c>
      <c r="E39" s="124" t="str">
        <f>MIDB(B$39,C39,D39)</f>
        <v>③照査内容の項目が漠然としており、発注者の認識と異なる恐れがあると判断される場合</v>
      </c>
      <c r="F39" s="71"/>
      <c r="G39" s="70"/>
      <c r="H39" s="70"/>
      <c r="I39" s="70"/>
      <c r="J39" s="70"/>
      <c r="K39" s="70"/>
    </row>
    <row r="40" spans="1:11" ht="18" customHeight="1">
      <c r="B40" s="72"/>
      <c r="C40">
        <f>C39+D39</f>
        <v>81</v>
      </c>
      <c r="D40">
        <v>78</v>
      </c>
      <c r="E40" s="124" t="str">
        <f>"　"&amp;MIDB(B$39,C40,D40)</f>
        <v>　は、備考欄等に具体の確認項目を明確にしておく。</v>
      </c>
      <c r="F40" s="71"/>
      <c r="G40" s="70"/>
      <c r="H40" s="70"/>
      <c r="I40" s="70"/>
      <c r="J40" s="70"/>
      <c r="K40" s="70"/>
    </row>
    <row r="41" spans="1:11" ht="7.5" customHeight="1">
      <c r="B41" s="72"/>
      <c r="C41"/>
      <c r="D41" s="7"/>
      <c r="E41" s="124"/>
      <c r="F41" s="71"/>
      <c r="G41" s="70"/>
      <c r="H41" s="70"/>
      <c r="I41" s="70"/>
      <c r="J41" s="70"/>
      <c r="K41" s="70"/>
    </row>
    <row r="42" spans="1:11" ht="18" customHeight="1">
      <c r="A42" s="74" t="s">
        <v>340</v>
      </c>
      <c r="B42" s="72" t="s">
        <v>334</v>
      </c>
      <c r="C42" s="7">
        <v>1</v>
      </c>
      <c r="D42" s="7">
        <v>80</v>
      </c>
      <c r="E42" s="124" t="str">
        <f>MIDB(B$42,C42,D42)</f>
        <v>④特記仕様書、工事内容、規模、重要度等により、照査項目や内容を追加する必要がある</v>
      </c>
      <c r="F42" s="71"/>
      <c r="G42" s="70"/>
      <c r="H42" s="70"/>
      <c r="I42" s="70"/>
      <c r="J42" s="70"/>
      <c r="K42" s="70"/>
    </row>
    <row r="43" spans="1:11" ht="18" customHeight="1">
      <c r="B43" s="72"/>
      <c r="C43">
        <f>C42+D42</f>
        <v>81</v>
      </c>
      <c r="D43">
        <v>78</v>
      </c>
      <c r="E43" s="124" t="str">
        <f>"　"&amp;MIDB(B$42,C43,D43)</f>
        <v>　場合は、項目を追加して利用する。</v>
      </c>
      <c r="F43" s="71"/>
      <c r="G43" s="70"/>
      <c r="H43" s="70"/>
      <c r="I43" s="70"/>
      <c r="J43" s="70"/>
      <c r="K43" s="70"/>
    </row>
    <row r="44" spans="1:11" ht="18" customHeight="1">
      <c r="A44" s="74" t="s">
        <v>341</v>
      </c>
      <c r="B44" s="72" t="s">
        <v>335</v>
      </c>
      <c r="C44" s="7">
        <v>1</v>
      </c>
      <c r="D44" s="7">
        <v>78</v>
      </c>
      <c r="E44" s="124" t="str">
        <f>"　"&amp;MIDB(B$44,C44,D44)</f>
        <v>　ただし、工事によっては照査の必要がない項目も含まれることになるが、「照査対象」</v>
      </c>
      <c r="F44" s="71"/>
      <c r="G44" s="70"/>
      <c r="H44" s="70"/>
      <c r="I44" s="70"/>
      <c r="J44" s="70"/>
      <c r="K44" s="70"/>
    </row>
    <row r="45" spans="1:11" ht="18" customHeight="1">
      <c r="B45" s="72"/>
      <c r="C45">
        <f>C44+D44</f>
        <v>79</v>
      </c>
      <c r="D45">
        <v>78</v>
      </c>
      <c r="E45" s="124" t="str">
        <f>"　"&amp;MIDB(B$44,C45,D45)</f>
        <v>　欄の「無」にチェックすることも照査の一部と考えられることから、チェックリストか</v>
      </c>
      <c r="F45" s="71"/>
      <c r="G45" s="70"/>
      <c r="H45" s="70"/>
      <c r="I45" s="70"/>
      <c r="J45" s="70"/>
      <c r="K45" s="70"/>
    </row>
    <row r="46" spans="1:11" ht="18" customHeight="1">
      <c r="B46" s="72"/>
      <c r="C46">
        <f>C45+D45</f>
        <v>157</v>
      </c>
      <c r="D46">
        <v>78</v>
      </c>
      <c r="E46" s="124" t="str">
        <f>"　"&amp;MIDB(B$44,C46,D46)</f>
        <v xml:space="preserve">　ら項目を削除することは行わないこと。
</v>
      </c>
      <c r="F46" s="71"/>
      <c r="G46" s="70"/>
      <c r="H46" s="70"/>
      <c r="I46" s="70"/>
      <c r="J46" s="70"/>
      <c r="K46" s="70"/>
    </row>
  </sheetData>
  <mergeCells count="1">
    <mergeCell ref="E3:M3"/>
  </mergeCells>
  <phoneticPr fontId="7"/>
  <pageMargins left="0.75" right="0.75" top="1" bottom="1" header="0.51200000000000001" footer="0.51200000000000001"/>
  <pageSetup paperSize="9" firstPageNumber="6" orientation="portrait" useFirstPageNumber="1" r:id="rId1"/>
  <headerFooter alignWithMargins="0">
    <oddFooter>&amp;C－&amp;P－</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1:F56"/>
  <sheetViews>
    <sheetView view="pageBreakPreview" topLeftCell="A22" zoomScale="60" zoomScaleNormal="100" workbookViewId="0">
      <selection activeCell="C40" sqref="C40"/>
    </sheetView>
  </sheetViews>
  <sheetFormatPr defaultRowHeight="13.2"/>
  <cols>
    <col min="1" max="1" width="4.88671875" customWidth="1"/>
    <col min="2" max="2" width="18.109375" customWidth="1"/>
    <col min="3" max="3" width="61" customWidth="1"/>
    <col min="4" max="4" width="9" style="95" customWidth="1"/>
    <col min="5" max="5" width="15.77734375" customWidth="1"/>
    <col min="6" max="6" width="25.6640625" style="92" customWidth="1"/>
  </cols>
  <sheetData>
    <row r="11" spans="1:6" ht="36.6">
      <c r="A11" s="104" t="s">
        <v>464</v>
      </c>
      <c r="B11" s="82"/>
      <c r="C11" s="2"/>
      <c r="D11" s="2"/>
      <c r="E11" s="2"/>
      <c r="F11" s="93"/>
    </row>
    <row r="36" spans="1:6" ht="25.2">
      <c r="A36" s="96" t="s">
        <v>465</v>
      </c>
      <c r="B36" s="82"/>
      <c r="C36" s="2"/>
      <c r="D36" s="2"/>
      <c r="E36" s="2"/>
      <c r="F36" s="93"/>
    </row>
    <row r="37" spans="1:6" ht="25.2">
      <c r="B37" s="81"/>
      <c r="C37" s="94"/>
    </row>
    <row r="38" spans="1:6" ht="25.2">
      <c r="B38" s="81"/>
      <c r="C38" s="94"/>
    </row>
    <row r="39" spans="1:6" ht="25.2">
      <c r="B39" s="81"/>
      <c r="C39" s="94"/>
    </row>
    <row r="40" spans="1:6" ht="25.2">
      <c r="B40" s="81"/>
      <c r="C40" s="94"/>
    </row>
    <row r="41" spans="1:6" ht="25.2">
      <c r="A41" s="110" t="s">
        <v>97</v>
      </c>
      <c r="B41" s="82"/>
      <c r="C41" s="2"/>
      <c r="D41" s="2"/>
      <c r="E41" s="2"/>
      <c r="F41" s="93"/>
    </row>
    <row r="42" spans="1:6" ht="25.2">
      <c r="B42" s="81"/>
      <c r="C42" s="14"/>
    </row>
    <row r="43" spans="1:6" s="220" customFormat="1" ht="45" customHeight="1">
      <c r="B43" s="221"/>
      <c r="C43" s="222" t="s">
        <v>444</v>
      </c>
      <c r="D43" s="223" t="s">
        <v>303</v>
      </c>
      <c r="F43" s="224"/>
    </row>
    <row r="44" spans="1:6" s="101" customFormat="1" ht="14.4">
      <c r="B44" s="102"/>
      <c r="C44" s="225" t="s">
        <v>35</v>
      </c>
      <c r="D44" s="97"/>
      <c r="F44" s="103"/>
    </row>
    <row r="45" spans="1:6" s="220" customFormat="1" ht="45" customHeight="1">
      <c r="B45" s="221"/>
      <c r="C45" s="222" t="s">
        <v>445</v>
      </c>
      <c r="D45" s="223" t="s">
        <v>38</v>
      </c>
      <c r="F45" s="224"/>
    </row>
    <row r="46" spans="1:6" s="101" customFormat="1" ht="14.4">
      <c r="B46" s="102"/>
      <c r="C46" s="225" t="s">
        <v>36</v>
      </c>
      <c r="D46" s="97"/>
      <c r="F46" s="103"/>
    </row>
    <row r="47" spans="1:6" s="101" customFormat="1" ht="45" customHeight="1">
      <c r="B47" s="102"/>
      <c r="C47" s="226" t="s">
        <v>37</v>
      </c>
      <c r="D47" s="97" t="s">
        <v>38</v>
      </c>
      <c r="F47" s="103"/>
    </row>
    <row r="48" spans="1:6" s="101" customFormat="1" ht="45" customHeight="1">
      <c r="B48" s="102"/>
      <c r="C48" s="226" t="s">
        <v>39</v>
      </c>
      <c r="D48" s="97" t="s">
        <v>40</v>
      </c>
      <c r="F48" s="103"/>
    </row>
    <row r="49" spans="1:6" s="101" customFormat="1" ht="45" customHeight="1">
      <c r="B49" s="102"/>
      <c r="C49" s="226" t="s">
        <v>41</v>
      </c>
      <c r="D49" s="97" t="s">
        <v>42</v>
      </c>
      <c r="F49" s="103"/>
    </row>
    <row r="50" spans="1:6" s="101" customFormat="1" ht="45" customHeight="1">
      <c r="A50" s="98"/>
      <c r="B50" s="98"/>
      <c r="C50" s="226" t="s">
        <v>43</v>
      </c>
      <c r="D50" s="97" t="s">
        <v>44</v>
      </c>
      <c r="E50" s="99"/>
      <c r="F50" s="100"/>
    </row>
    <row r="51" spans="1:6" s="101" customFormat="1" ht="45" customHeight="1">
      <c r="B51" s="102"/>
      <c r="C51" s="226" t="s">
        <v>45</v>
      </c>
      <c r="D51" s="97" t="s">
        <v>46</v>
      </c>
      <c r="F51" s="103"/>
    </row>
    <row r="52" spans="1:6" s="101" customFormat="1" ht="45" customHeight="1">
      <c r="B52" s="102"/>
      <c r="C52" s="226" t="s">
        <v>47</v>
      </c>
      <c r="D52" s="97" t="s">
        <v>304</v>
      </c>
      <c r="F52" s="103"/>
    </row>
    <row r="53" spans="1:6" ht="25.2">
      <c r="B53" s="81"/>
    </row>
    <row r="54" spans="1:6" ht="25.2">
      <c r="B54" s="81"/>
    </row>
    <row r="55" spans="1:6" ht="25.2">
      <c r="B55" s="81"/>
    </row>
    <row r="56" spans="1:6" ht="25.2">
      <c r="B56" s="81"/>
    </row>
  </sheetData>
  <phoneticPr fontId="7"/>
  <pageMargins left="0.59055118110236227" right="0.59055118110236227" top="0.59055118110236227" bottom="0.59055118110236227" header="0.51181102362204722" footer="0.51181102362204722"/>
  <pageSetup paperSize="9" firstPageNumber="7" orientation="landscape" useFirstPageNumber="1" r:id="rId1"/>
  <headerFooter alignWithMargins="0">
    <oddFooter>&amp;C－&amp;P－</oddFooter>
  </headerFooter>
  <rowBreaks count="1" manualBreakCount="1">
    <brk id="37" max="16383"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59"/>
  <sheetViews>
    <sheetView tabSelected="1" view="pageBreakPreview" zoomScaleNormal="100" zoomScaleSheetLayoutView="75" workbookViewId="0">
      <selection sqref="A1:K43"/>
    </sheetView>
  </sheetViews>
  <sheetFormatPr defaultRowHeight="13.2"/>
  <cols>
    <col min="1" max="1" width="3.44140625" customWidth="1"/>
    <col min="2" max="2" width="11.88671875" customWidth="1"/>
    <col min="3" max="3" width="5.109375" customWidth="1"/>
    <col min="4" max="4" width="57.88671875" customWidth="1"/>
    <col min="5" max="7" width="3.6640625" customWidth="1"/>
    <col min="8" max="8" width="5.6640625" customWidth="1"/>
    <col min="9" max="10" width="3.6640625" customWidth="1"/>
    <col min="11" max="11" width="10.88671875" customWidth="1"/>
  </cols>
  <sheetData>
    <row r="1" spans="1:11" ht="22.5" customHeight="1">
      <c r="A1" s="126"/>
      <c r="K1" s="127" t="s">
        <v>386</v>
      </c>
    </row>
    <row r="2" spans="1:11" ht="32.25" customHeight="1">
      <c r="A2" s="128" t="s">
        <v>387</v>
      </c>
      <c r="B2" s="2"/>
      <c r="C2" s="129"/>
      <c r="D2" s="120"/>
      <c r="E2" s="2"/>
      <c r="F2" s="2"/>
      <c r="G2" s="2"/>
      <c r="H2" s="130"/>
      <c r="I2" s="2"/>
      <c r="J2" s="2"/>
      <c r="K2" s="2"/>
    </row>
    <row r="3" spans="1:11" ht="11.25" customHeight="1">
      <c r="A3" s="8"/>
      <c r="C3" s="7"/>
      <c r="D3" s="119"/>
      <c r="H3" s="131"/>
      <c r="K3" s="131"/>
    </row>
    <row r="4" spans="1:11" ht="30.75" customHeight="1" thickBot="1">
      <c r="A4" s="132" t="s">
        <v>388</v>
      </c>
      <c r="C4" s="7"/>
      <c r="D4" s="119"/>
    </row>
    <row r="5" spans="1:11" ht="34.5" customHeight="1">
      <c r="A5" s="265" t="s">
        <v>342</v>
      </c>
      <c r="B5" s="267" t="s">
        <v>343</v>
      </c>
      <c r="C5" s="269" t="s">
        <v>344</v>
      </c>
      <c r="D5" s="270"/>
      <c r="E5" s="259" t="s">
        <v>389</v>
      </c>
      <c r="F5" s="260"/>
      <c r="G5" s="261" t="s">
        <v>390</v>
      </c>
      <c r="H5" s="262"/>
      <c r="I5" s="261" t="s">
        <v>391</v>
      </c>
      <c r="J5" s="262"/>
      <c r="K5" s="263" t="s">
        <v>392</v>
      </c>
    </row>
    <row r="6" spans="1:11" ht="20.25" customHeight="1" thickBot="1">
      <c r="A6" s="266"/>
      <c r="B6" s="268"/>
      <c r="C6" s="271"/>
      <c r="D6" s="272"/>
      <c r="E6" s="133" t="s">
        <v>393</v>
      </c>
      <c r="F6" s="134" t="s">
        <v>394</v>
      </c>
      <c r="G6" s="135" t="s">
        <v>395</v>
      </c>
      <c r="H6" s="136" t="s">
        <v>396</v>
      </c>
      <c r="I6" s="135" t="s">
        <v>393</v>
      </c>
      <c r="J6" s="136" t="s">
        <v>394</v>
      </c>
      <c r="K6" s="264"/>
    </row>
    <row r="7" spans="1:11" ht="39" customHeight="1">
      <c r="A7" s="277">
        <v>1</v>
      </c>
      <c r="B7" s="279" t="s">
        <v>397</v>
      </c>
      <c r="C7" s="137" t="s">
        <v>398</v>
      </c>
      <c r="D7" s="187" t="s">
        <v>466</v>
      </c>
      <c r="E7" s="199" t="s">
        <v>33</v>
      </c>
      <c r="F7" s="198" t="s">
        <v>2</v>
      </c>
      <c r="G7" s="200" t="s">
        <v>2</v>
      </c>
      <c r="H7" s="138"/>
      <c r="I7" s="200" t="s">
        <v>34</v>
      </c>
      <c r="J7" s="210" t="s">
        <v>2</v>
      </c>
      <c r="K7" s="139"/>
    </row>
    <row r="8" spans="1:11" ht="39" customHeight="1">
      <c r="A8" s="278"/>
      <c r="B8" s="280"/>
      <c r="C8" s="140" t="s">
        <v>399</v>
      </c>
      <c r="D8" s="188" t="s">
        <v>467</v>
      </c>
      <c r="E8" s="201" t="s">
        <v>2</v>
      </c>
      <c r="F8" s="202" t="s">
        <v>2</v>
      </c>
      <c r="G8" s="203" t="s">
        <v>2</v>
      </c>
      <c r="H8" s="141"/>
      <c r="I8" s="203" t="s">
        <v>2</v>
      </c>
      <c r="J8" s="211" t="s">
        <v>2</v>
      </c>
      <c r="K8" s="142"/>
    </row>
    <row r="9" spans="1:11" ht="39" customHeight="1">
      <c r="A9" s="278">
        <v>2</v>
      </c>
      <c r="B9" s="280" t="s">
        <v>400</v>
      </c>
      <c r="C9" s="143" t="s">
        <v>345</v>
      </c>
      <c r="D9" s="189" t="s">
        <v>401</v>
      </c>
      <c r="E9" s="204" t="s">
        <v>2</v>
      </c>
      <c r="F9" s="205" t="s">
        <v>2</v>
      </c>
      <c r="G9" s="206" t="s">
        <v>2</v>
      </c>
      <c r="H9" s="144"/>
      <c r="I9" s="206" t="s">
        <v>2</v>
      </c>
      <c r="J9" s="212" t="s">
        <v>2</v>
      </c>
      <c r="K9" s="142"/>
    </row>
    <row r="10" spans="1:11" ht="39" customHeight="1">
      <c r="A10" s="278"/>
      <c r="B10" s="280"/>
      <c r="C10" s="143" t="s">
        <v>346</v>
      </c>
      <c r="D10" s="190" t="s">
        <v>4</v>
      </c>
      <c r="E10" s="201" t="s">
        <v>2</v>
      </c>
      <c r="F10" s="202" t="s">
        <v>2</v>
      </c>
      <c r="G10" s="203" t="s">
        <v>2</v>
      </c>
      <c r="H10" s="141"/>
      <c r="I10" s="203" t="s">
        <v>2</v>
      </c>
      <c r="J10" s="211" t="s">
        <v>2</v>
      </c>
      <c r="K10" s="142"/>
    </row>
    <row r="11" spans="1:11" ht="39" customHeight="1">
      <c r="A11" s="278"/>
      <c r="B11" s="280"/>
      <c r="C11" s="143" t="s">
        <v>347</v>
      </c>
      <c r="D11" s="190" t="s">
        <v>402</v>
      </c>
      <c r="E11" s="201" t="s">
        <v>2</v>
      </c>
      <c r="F11" s="202" t="s">
        <v>2</v>
      </c>
      <c r="G11" s="203" t="s">
        <v>2</v>
      </c>
      <c r="H11" s="141"/>
      <c r="I11" s="203" t="s">
        <v>2</v>
      </c>
      <c r="J11" s="211" t="s">
        <v>2</v>
      </c>
      <c r="K11" s="142"/>
    </row>
    <row r="12" spans="1:11" ht="39" customHeight="1">
      <c r="A12" s="278"/>
      <c r="B12" s="280"/>
      <c r="C12" s="143" t="s">
        <v>348</v>
      </c>
      <c r="D12" s="188" t="s">
        <v>403</v>
      </c>
      <c r="E12" s="201" t="s">
        <v>2</v>
      </c>
      <c r="F12" s="202" t="s">
        <v>2</v>
      </c>
      <c r="G12" s="203" t="s">
        <v>2</v>
      </c>
      <c r="H12" s="141"/>
      <c r="I12" s="203" t="s">
        <v>2</v>
      </c>
      <c r="J12" s="211" t="s">
        <v>2</v>
      </c>
      <c r="K12" s="142"/>
    </row>
    <row r="13" spans="1:11" ht="39" customHeight="1">
      <c r="A13" s="278"/>
      <c r="B13" s="280"/>
      <c r="C13" s="143" t="s">
        <v>349</v>
      </c>
      <c r="D13" s="188" t="s">
        <v>404</v>
      </c>
      <c r="E13" s="201" t="s">
        <v>2</v>
      </c>
      <c r="F13" s="202" t="s">
        <v>2</v>
      </c>
      <c r="G13" s="203" t="s">
        <v>2</v>
      </c>
      <c r="H13" s="141"/>
      <c r="I13" s="203" t="s">
        <v>2</v>
      </c>
      <c r="J13" s="211" t="s">
        <v>2</v>
      </c>
      <c r="K13" s="142"/>
    </row>
    <row r="14" spans="1:11" ht="39" customHeight="1">
      <c r="A14" s="278"/>
      <c r="B14" s="280"/>
      <c r="C14" s="143" t="s">
        <v>350</v>
      </c>
      <c r="D14" s="188" t="s">
        <v>405</v>
      </c>
      <c r="E14" s="201" t="s">
        <v>2</v>
      </c>
      <c r="F14" s="202" t="s">
        <v>2</v>
      </c>
      <c r="G14" s="203" t="s">
        <v>2</v>
      </c>
      <c r="H14" s="141"/>
      <c r="I14" s="203" t="s">
        <v>2</v>
      </c>
      <c r="J14" s="211" t="s">
        <v>2</v>
      </c>
      <c r="K14" s="142"/>
    </row>
    <row r="15" spans="1:11" ht="39" customHeight="1">
      <c r="A15" s="278"/>
      <c r="B15" s="280"/>
      <c r="C15" s="143" t="s">
        <v>351</v>
      </c>
      <c r="D15" s="188" t="s">
        <v>5</v>
      </c>
      <c r="E15" s="201" t="s">
        <v>2</v>
      </c>
      <c r="F15" s="202" t="s">
        <v>2</v>
      </c>
      <c r="G15" s="203" t="s">
        <v>2</v>
      </c>
      <c r="H15" s="141"/>
      <c r="I15" s="203" t="s">
        <v>2</v>
      </c>
      <c r="J15" s="211" t="s">
        <v>2</v>
      </c>
      <c r="K15" s="142"/>
    </row>
    <row r="16" spans="1:11" ht="39" customHeight="1">
      <c r="A16" s="278"/>
      <c r="B16" s="280"/>
      <c r="C16" s="143" t="s">
        <v>352</v>
      </c>
      <c r="D16" s="188" t="s">
        <v>406</v>
      </c>
      <c r="E16" s="201" t="s">
        <v>2</v>
      </c>
      <c r="F16" s="202" t="s">
        <v>2</v>
      </c>
      <c r="G16" s="203" t="s">
        <v>2</v>
      </c>
      <c r="H16" s="141"/>
      <c r="I16" s="203" t="s">
        <v>2</v>
      </c>
      <c r="J16" s="211" t="s">
        <v>2</v>
      </c>
      <c r="K16" s="142"/>
    </row>
    <row r="17" spans="1:11" ht="39" customHeight="1">
      <c r="A17" s="278"/>
      <c r="B17" s="280"/>
      <c r="C17" s="143" t="s">
        <v>353</v>
      </c>
      <c r="D17" s="188" t="s">
        <v>407</v>
      </c>
      <c r="E17" s="201" t="s">
        <v>2</v>
      </c>
      <c r="F17" s="202" t="s">
        <v>2</v>
      </c>
      <c r="G17" s="203" t="s">
        <v>2</v>
      </c>
      <c r="H17" s="141"/>
      <c r="I17" s="203" t="s">
        <v>2</v>
      </c>
      <c r="J17" s="211" t="s">
        <v>2</v>
      </c>
      <c r="K17" s="142"/>
    </row>
    <row r="18" spans="1:11" ht="39" customHeight="1">
      <c r="A18" s="278"/>
      <c r="B18" s="280"/>
      <c r="C18" s="143" t="s">
        <v>354</v>
      </c>
      <c r="D18" s="188" t="s">
        <v>6</v>
      </c>
      <c r="E18" s="201" t="s">
        <v>2</v>
      </c>
      <c r="F18" s="202" t="s">
        <v>2</v>
      </c>
      <c r="G18" s="203" t="s">
        <v>2</v>
      </c>
      <c r="H18" s="141"/>
      <c r="I18" s="203" t="s">
        <v>2</v>
      </c>
      <c r="J18" s="211" t="s">
        <v>2</v>
      </c>
      <c r="K18" s="142"/>
    </row>
    <row r="19" spans="1:11" ht="39" customHeight="1">
      <c r="A19" s="278"/>
      <c r="B19" s="280"/>
      <c r="C19" s="143" t="s">
        <v>355</v>
      </c>
      <c r="D19" s="188" t="s">
        <v>7</v>
      </c>
      <c r="E19" s="201" t="s">
        <v>2</v>
      </c>
      <c r="F19" s="202" t="s">
        <v>2</v>
      </c>
      <c r="G19" s="203" t="s">
        <v>2</v>
      </c>
      <c r="H19" s="141"/>
      <c r="I19" s="203" t="s">
        <v>2</v>
      </c>
      <c r="J19" s="211" t="s">
        <v>2</v>
      </c>
      <c r="K19" s="142"/>
    </row>
    <row r="20" spans="1:11" ht="39" customHeight="1">
      <c r="A20" s="278"/>
      <c r="B20" s="280"/>
      <c r="C20" s="143" t="s">
        <v>408</v>
      </c>
      <c r="D20" s="188" t="s">
        <v>409</v>
      </c>
      <c r="E20" s="201" t="s">
        <v>2</v>
      </c>
      <c r="F20" s="202" t="s">
        <v>2</v>
      </c>
      <c r="G20" s="203" t="s">
        <v>2</v>
      </c>
      <c r="H20" s="141"/>
      <c r="I20" s="203" t="s">
        <v>2</v>
      </c>
      <c r="J20" s="211" t="s">
        <v>2</v>
      </c>
      <c r="K20" s="142"/>
    </row>
    <row r="21" spans="1:11" ht="39" customHeight="1">
      <c r="A21" s="145">
        <v>3</v>
      </c>
      <c r="B21" s="146" t="s">
        <v>107</v>
      </c>
      <c r="C21" s="147" t="s">
        <v>410</v>
      </c>
      <c r="D21" s="191" t="s">
        <v>8</v>
      </c>
      <c r="E21" s="201" t="s">
        <v>2</v>
      </c>
      <c r="F21" s="202" t="s">
        <v>2</v>
      </c>
      <c r="G21" s="203" t="s">
        <v>2</v>
      </c>
      <c r="H21" s="141"/>
      <c r="I21" s="203" t="s">
        <v>2</v>
      </c>
      <c r="J21" s="211" t="s">
        <v>2</v>
      </c>
      <c r="K21" s="142"/>
    </row>
    <row r="22" spans="1:11" ht="39" customHeight="1">
      <c r="A22" s="145"/>
      <c r="B22" s="146"/>
      <c r="C22" s="147" t="s">
        <v>356</v>
      </c>
      <c r="D22" s="192" t="s">
        <v>411</v>
      </c>
      <c r="E22" s="201" t="s">
        <v>2</v>
      </c>
      <c r="F22" s="202" t="s">
        <v>2</v>
      </c>
      <c r="G22" s="203" t="s">
        <v>2</v>
      </c>
      <c r="H22" s="141"/>
      <c r="I22" s="203" t="s">
        <v>2</v>
      </c>
      <c r="J22" s="211" t="s">
        <v>2</v>
      </c>
      <c r="K22" s="142"/>
    </row>
    <row r="23" spans="1:11" ht="39" customHeight="1">
      <c r="A23" s="145"/>
      <c r="B23" s="146"/>
      <c r="C23" s="147" t="s">
        <v>357</v>
      </c>
      <c r="D23" s="191" t="s">
        <v>412</v>
      </c>
      <c r="E23" s="201" t="s">
        <v>2</v>
      </c>
      <c r="F23" s="202" t="s">
        <v>2</v>
      </c>
      <c r="G23" s="203" t="s">
        <v>2</v>
      </c>
      <c r="H23" s="141"/>
      <c r="I23" s="203" t="s">
        <v>2</v>
      </c>
      <c r="J23" s="211" t="s">
        <v>2</v>
      </c>
      <c r="K23" s="142"/>
    </row>
    <row r="24" spans="1:11" ht="39" customHeight="1">
      <c r="A24" s="145"/>
      <c r="B24" s="146"/>
      <c r="C24" s="147" t="s">
        <v>358</v>
      </c>
      <c r="D24" s="191" t="s">
        <v>9</v>
      </c>
      <c r="E24" s="204" t="s">
        <v>2</v>
      </c>
      <c r="F24" s="205" t="s">
        <v>2</v>
      </c>
      <c r="G24" s="206" t="s">
        <v>2</v>
      </c>
      <c r="H24" s="144"/>
      <c r="I24" s="206" t="s">
        <v>2</v>
      </c>
      <c r="J24" s="212" t="s">
        <v>2</v>
      </c>
      <c r="K24" s="142"/>
    </row>
    <row r="25" spans="1:11" ht="39" customHeight="1">
      <c r="A25" s="145"/>
      <c r="B25" s="146"/>
      <c r="C25" s="147" t="s">
        <v>359</v>
      </c>
      <c r="D25" s="193" t="s">
        <v>413</v>
      </c>
      <c r="E25" s="201" t="s">
        <v>2</v>
      </c>
      <c r="F25" s="202" t="s">
        <v>2</v>
      </c>
      <c r="G25" s="203" t="s">
        <v>2</v>
      </c>
      <c r="H25" s="141"/>
      <c r="I25" s="203" t="s">
        <v>2</v>
      </c>
      <c r="J25" s="211" t="s">
        <v>2</v>
      </c>
      <c r="K25" s="142"/>
    </row>
    <row r="26" spans="1:11" ht="39" customHeight="1">
      <c r="A26" s="145"/>
      <c r="B26" s="146"/>
      <c r="C26" s="147" t="s">
        <v>360</v>
      </c>
      <c r="D26" s="191" t="s">
        <v>10</v>
      </c>
      <c r="E26" s="201" t="s">
        <v>2</v>
      </c>
      <c r="F26" s="202" t="s">
        <v>2</v>
      </c>
      <c r="G26" s="203" t="s">
        <v>2</v>
      </c>
      <c r="H26" s="148"/>
      <c r="I26" s="203" t="s">
        <v>2</v>
      </c>
      <c r="J26" s="213" t="s">
        <v>2</v>
      </c>
      <c r="K26" s="149"/>
    </row>
    <row r="27" spans="1:11" ht="39" customHeight="1" thickBot="1">
      <c r="A27" s="240"/>
      <c r="B27" s="232"/>
      <c r="C27" s="165" t="s">
        <v>361</v>
      </c>
      <c r="D27" s="233" t="s">
        <v>414</v>
      </c>
      <c r="E27" s="234" t="s">
        <v>2</v>
      </c>
      <c r="F27" s="235" t="s">
        <v>2</v>
      </c>
      <c r="G27" s="236" t="s">
        <v>2</v>
      </c>
      <c r="H27" s="237"/>
      <c r="I27" s="236" t="s">
        <v>2</v>
      </c>
      <c r="J27" s="238" t="s">
        <v>2</v>
      </c>
      <c r="K27" s="239"/>
    </row>
    <row r="28" spans="1:11" ht="39" customHeight="1">
      <c r="A28" s="150"/>
      <c r="B28" s="151"/>
      <c r="C28" s="230" t="s">
        <v>362</v>
      </c>
      <c r="D28" s="231" t="s">
        <v>11</v>
      </c>
      <c r="E28" s="199" t="s">
        <v>2</v>
      </c>
      <c r="F28" s="198" t="s">
        <v>2</v>
      </c>
      <c r="G28" s="200" t="s">
        <v>2</v>
      </c>
      <c r="H28" s="138"/>
      <c r="I28" s="200" t="s">
        <v>2</v>
      </c>
      <c r="J28" s="210" t="s">
        <v>2</v>
      </c>
      <c r="K28" s="139"/>
    </row>
    <row r="29" spans="1:11" ht="39" customHeight="1">
      <c r="A29" s="150"/>
      <c r="B29" s="151"/>
      <c r="C29" s="219" t="s">
        <v>363</v>
      </c>
      <c r="D29" s="193" t="s">
        <v>12</v>
      </c>
      <c r="E29" s="204" t="s">
        <v>2</v>
      </c>
      <c r="F29" s="205" t="s">
        <v>2</v>
      </c>
      <c r="G29" s="206" t="s">
        <v>2</v>
      </c>
      <c r="H29" s="144"/>
      <c r="I29" s="206" t="s">
        <v>2</v>
      </c>
      <c r="J29" s="212" t="s">
        <v>2</v>
      </c>
      <c r="K29" s="216"/>
    </row>
    <row r="30" spans="1:11" ht="39" customHeight="1">
      <c r="A30" s="150"/>
      <c r="B30" s="151"/>
      <c r="C30" s="147" t="s">
        <v>364</v>
      </c>
      <c r="D30" s="191" t="s">
        <v>415</v>
      </c>
      <c r="E30" s="201" t="s">
        <v>2</v>
      </c>
      <c r="F30" s="202" t="s">
        <v>2</v>
      </c>
      <c r="G30" s="203" t="s">
        <v>2</v>
      </c>
      <c r="H30" s="141"/>
      <c r="I30" s="203" t="s">
        <v>2</v>
      </c>
      <c r="J30" s="211" t="s">
        <v>2</v>
      </c>
      <c r="K30" s="142"/>
    </row>
    <row r="31" spans="1:11" ht="39" customHeight="1">
      <c r="A31" s="150"/>
      <c r="B31" s="151"/>
      <c r="C31" s="219" t="s">
        <v>365</v>
      </c>
      <c r="D31" s="193" t="s">
        <v>13</v>
      </c>
      <c r="E31" s="204" t="s">
        <v>2</v>
      </c>
      <c r="F31" s="205" t="s">
        <v>2</v>
      </c>
      <c r="G31" s="206" t="s">
        <v>2</v>
      </c>
      <c r="H31" s="144"/>
      <c r="I31" s="206" t="s">
        <v>2</v>
      </c>
      <c r="J31" s="212" t="s">
        <v>2</v>
      </c>
      <c r="K31" s="229"/>
    </row>
    <row r="32" spans="1:11" ht="39" customHeight="1">
      <c r="A32" s="150"/>
      <c r="B32" s="151"/>
      <c r="C32" s="147" t="s">
        <v>366</v>
      </c>
      <c r="D32" s="191" t="s">
        <v>416</v>
      </c>
      <c r="E32" s="201" t="s">
        <v>2</v>
      </c>
      <c r="F32" s="202" t="s">
        <v>2</v>
      </c>
      <c r="G32" s="203" t="s">
        <v>2</v>
      </c>
      <c r="H32" s="141"/>
      <c r="I32" s="203" t="s">
        <v>2</v>
      </c>
      <c r="J32" s="211" t="s">
        <v>2</v>
      </c>
      <c r="K32" s="142"/>
    </row>
    <row r="33" spans="1:11" ht="65.25" customHeight="1">
      <c r="A33" s="150"/>
      <c r="B33" s="151"/>
      <c r="C33" s="147" t="s">
        <v>367</v>
      </c>
      <c r="D33" s="194" t="s">
        <v>14</v>
      </c>
      <c r="E33" s="201" t="s">
        <v>2</v>
      </c>
      <c r="F33" s="202" t="s">
        <v>2</v>
      </c>
      <c r="G33" s="203" t="s">
        <v>2</v>
      </c>
      <c r="H33" s="141"/>
      <c r="I33" s="203" t="s">
        <v>2</v>
      </c>
      <c r="J33" s="211" t="s">
        <v>2</v>
      </c>
      <c r="K33" s="142"/>
    </row>
    <row r="34" spans="1:11" ht="39" customHeight="1">
      <c r="A34" s="150"/>
      <c r="B34" s="151"/>
      <c r="C34" s="147" t="s">
        <v>368</v>
      </c>
      <c r="D34" s="191" t="s">
        <v>15</v>
      </c>
      <c r="E34" s="201" t="s">
        <v>2</v>
      </c>
      <c r="F34" s="202" t="s">
        <v>2</v>
      </c>
      <c r="G34" s="203" t="s">
        <v>2</v>
      </c>
      <c r="H34" s="141"/>
      <c r="I34" s="203" t="s">
        <v>2</v>
      </c>
      <c r="J34" s="211" t="s">
        <v>2</v>
      </c>
      <c r="K34" s="142"/>
    </row>
    <row r="35" spans="1:11" ht="33" customHeight="1">
      <c r="A35" s="150"/>
      <c r="B35" s="151"/>
      <c r="C35" s="147" t="s">
        <v>369</v>
      </c>
      <c r="D35" s="192" t="s">
        <v>417</v>
      </c>
      <c r="E35" s="201" t="s">
        <v>2</v>
      </c>
      <c r="F35" s="202" t="s">
        <v>2</v>
      </c>
      <c r="G35" s="203" t="s">
        <v>2</v>
      </c>
      <c r="H35" s="141"/>
      <c r="I35" s="203" t="s">
        <v>2</v>
      </c>
      <c r="J35" s="211" t="s">
        <v>2</v>
      </c>
      <c r="K35" s="142"/>
    </row>
    <row r="36" spans="1:11" ht="39" customHeight="1">
      <c r="A36" s="152"/>
      <c r="B36" s="153"/>
      <c r="C36" s="147" t="s">
        <v>370</v>
      </c>
      <c r="D36" s="192" t="s">
        <v>16</v>
      </c>
      <c r="E36" s="201" t="s">
        <v>2</v>
      </c>
      <c r="F36" s="202" t="s">
        <v>2</v>
      </c>
      <c r="G36" s="203" t="s">
        <v>2</v>
      </c>
      <c r="H36" s="141"/>
      <c r="I36" s="203" t="s">
        <v>2</v>
      </c>
      <c r="J36" s="211" t="s">
        <v>2</v>
      </c>
      <c r="K36" s="142"/>
    </row>
    <row r="37" spans="1:11" ht="39" customHeight="1">
      <c r="A37" s="152"/>
      <c r="B37" s="153"/>
      <c r="C37" s="147" t="s">
        <v>371</v>
      </c>
      <c r="D37" s="192" t="s">
        <v>17</v>
      </c>
      <c r="E37" s="201" t="s">
        <v>2</v>
      </c>
      <c r="F37" s="202" t="s">
        <v>2</v>
      </c>
      <c r="G37" s="203" t="s">
        <v>2</v>
      </c>
      <c r="H37" s="141"/>
      <c r="I37" s="203" t="s">
        <v>2</v>
      </c>
      <c r="J37" s="211" t="s">
        <v>2</v>
      </c>
      <c r="K37" s="142"/>
    </row>
    <row r="38" spans="1:11" ht="39" customHeight="1">
      <c r="A38" s="152"/>
      <c r="B38" s="153"/>
      <c r="C38" s="147" t="s">
        <v>372</v>
      </c>
      <c r="D38" s="192" t="s">
        <v>18</v>
      </c>
      <c r="E38" s="201" t="s">
        <v>2</v>
      </c>
      <c r="F38" s="202" t="s">
        <v>2</v>
      </c>
      <c r="G38" s="203" t="s">
        <v>2</v>
      </c>
      <c r="H38" s="141"/>
      <c r="I38" s="203" t="s">
        <v>2</v>
      </c>
      <c r="J38" s="211" t="s">
        <v>2</v>
      </c>
      <c r="K38" s="142"/>
    </row>
    <row r="39" spans="1:11" ht="39" customHeight="1">
      <c r="A39" s="152"/>
      <c r="B39" s="153"/>
      <c r="C39" s="154" t="s">
        <v>418</v>
      </c>
      <c r="D39" s="192" t="s">
        <v>373</v>
      </c>
      <c r="E39" s="201" t="s">
        <v>2</v>
      </c>
      <c r="F39" s="202" t="s">
        <v>2</v>
      </c>
      <c r="G39" s="203" t="s">
        <v>2</v>
      </c>
      <c r="H39" s="141"/>
      <c r="I39" s="203" t="s">
        <v>2</v>
      </c>
      <c r="J39" s="211" t="s">
        <v>2</v>
      </c>
      <c r="K39" s="142"/>
    </row>
    <row r="40" spans="1:11" ht="39" customHeight="1">
      <c r="A40" s="273">
        <v>4</v>
      </c>
      <c r="B40" s="275" t="s">
        <v>108</v>
      </c>
      <c r="C40" s="143" t="s">
        <v>419</v>
      </c>
      <c r="D40" s="194" t="s">
        <v>420</v>
      </c>
      <c r="E40" s="201" t="s">
        <v>2</v>
      </c>
      <c r="F40" s="202" t="s">
        <v>2</v>
      </c>
      <c r="G40" s="203" t="s">
        <v>2</v>
      </c>
      <c r="H40" s="141"/>
      <c r="I40" s="203" t="s">
        <v>2</v>
      </c>
      <c r="J40" s="211" t="s">
        <v>2</v>
      </c>
      <c r="K40" s="142"/>
    </row>
    <row r="41" spans="1:11" ht="39" customHeight="1">
      <c r="A41" s="274"/>
      <c r="B41" s="276"/>
      <c r="C41" s="143" t="s">
        <v>374</v>
      </c>
      <c r="D41" s="191" t="s">
        <v>19</v>
      </c>
      <c r="E41" s="201" t="s">
        <v>2</v>
      </c>
      <c r="F41" s="202" t="s">
        <v>2</v>
      </c>
      <c r="G41" s="203" t="s">
        <v>2</v>
      </c>
      <c r="H41" s="141"/>
      <c r="I41" s="203" t="s">
        <v>2</v>
      </c>
      <c r="J41" s="211" t="s">
        <v>2</v>
      </c>
      <c r="K41" s="142"/>
    </row>
    <row r="42" spans="1:11" ht="39" customHeight="1">
      <c r="A42" s="274"/>
      <c r="B42" s="276"/>
      <c r="C42" s="143" t="s">
        <v>375</v>
      </c>
      <c r="D42" s="192" t="s">
        <v>421</v>
      </c>
      <c r="E42" s="201" t="s">
        <v>2</v>
      </c>
      <c r="F42" s="202" t="s">
        <v>2</v>
      </c>
      <c r="G42" s="203" t="s">
        <v>2</v>
      </c>
      <c r="H42" s="141"/>
      <c r="I42" s="203" t="s">
        <v>2</v>
      </c>
      <c r="J42" s="211" t="s">
        <v>2</v>
      </c>
      <c r="K42" s="142"/>
    </row>
    <row r="43" spans="1:11" ht="39" customHeight="1">
      <c r="A43" s="274"/>
      <c r="B43" s="276"/>
      <c r="C43" s="143" t="s">
        <v>376</v>
      </c>
      <c r="D43" s="192" t="s">
        <v>20</v>
      </c>
      <c r="E43" s="201" t="s">
        <v>2</v>
      </c>
      <c r="F43" s="202" t="s">
        <v>2</v>
      </c>
      <c r="G43" s="203" t="s">
        <v>2</v>
      </c>
      <c r="H43" s="141"/>
      <c r="I43" s="203" t="s">
        <v>2</v>
      </c>
      <c r="J43" s="211" t="s">
        <v>2</v>
      </c>
      <c r="K43" s="142"/>
    </row>
    <row r="44" spans="1:11" ht="39" customHeight="1">
      <c r="A44" s="150"/>
      <c r="B44" s="156"/>
      <c r="C44" s="157" t="s">
        <v>422</v>
      </c>
      <c r="D44" s="195" t="s">
        <v>21</v>
      </c>
      <c r="E44" s="199" t="s">
        <v>2</v>
      </c>
      <c r="F44" s="198" t="s">
        <v>2</v>
      </c>
      <c r="G44" s="200" t="s">
        <v>2</v>
      </c>
      <c r="H44" s="138"/>
      <c r="I44" s="200" t="s">
        <v>2</v>
      </c>
      <c r="J44" s="210" t="s">
        <v>2</v>
      </c>
      <c r="K44" s="142"/>
    </row>
    <row r="45" spans="1:11" ht="39" customHeight="1">
      <c r="A45" s="150"/>
      <c r="B45" s="151"/>
      <c r="C45" s="158" t="s">
        <v>377</v>
      </c>
      <c r="D45" s="192" t="s">
        <v>22</v>
      </c>
      <c r="E45" s="201" t="s">
        <v>2</v>
      </c>
      <c r="F45" s="202" t="s">
        <v>2</v>
      </c>
      <c r="G45" s="203" t="s">
        <v>2</v>
      </c>
      <c r="H45" s="141"/>
      <c r="I45" s="203" t="s">
        <v>2</v>
      </c>
      <c r="J45" s="211" t="s">
        <v>2</v>
      </c>
      <c r="K45" s="142"/>
    </row>
    <row r="46" spans="1:11" ht="39" customHeight="1">
      <c r="A46" s="150"/>
      <c r="B46" s="151"/>
      <c r="C46" s="158" t="s">
        <v>378</v>
      </c>
      <c r="D46" s="192" t="s">
        <v>23</v>
      </c>
      <c r="E46" s="201" t="s">
        <v>2</v>
      </c>
      <c r="F46" s="202" t="s">
        <v>2</v>
      </c>
      <c r="G46" s="203" t="s">
        <v>2</v>
      </c>
      <c r="H46" s="141"/>
      <c r="I46" s="203" t="s">
        <v>2</v>
      </c>
      <c r="J46" s="211" t="s">
        <v>2</v>
      </c>
      <c r="K46" s="142"/>
    </row>
    <row r="47" spans="1:11" ht="39" customHeight="1">
      <c r="A47" s="150"/>
      <c r="B47" s="151"/>
      <c r="C47" s="158" t="s">
        <v>379</v>
      </c>
      <c r="D47" s="192" t="s">
        <v>24</v>
      </c>
      <c r="E47" s="201" t="s">
        <v>2</v>
      </c>
      <c r="F47" s="202" t="s">
        <v>2</v>
      </c>
      <c r="G47" s="203" t="s">
        <v>2</v>
      </c>
      <c r="H47" s="141"/>
      <c r="I47" s="203" t="s">
        <v>2</v>
      </c>
      <c r="J47" s="211" t="s">
        <v>2</v>
      </c>
      <c r="K47" s="142"/>
    </row>
    <row r="48" spans="1:11" ht="80.25" customHeight="1" thickBot="1">
      <c r="A48" s="185"/>
      <c r="B48" s="186"/>
      <c r="C48" s="228" t="s">
        <v>380</v>
      </c>
      <c r="D48" s="197" t="s">
        <v>423</v>
      </c>
      <c r="E48" s="207" t="s">
        <v>2</v>
      </c>
      <c r="F48" s="208" t="s">
        <v>2</v>
      </c>
      <c r="G48" s="209" t="s">
        <v>2</v>
      </c>
      <c r="H48" s="166"/>
      <c r="I48" s="209" t="s">
        <v>2</v>
      </c>
      <c r="J48" s="214" t="s">
        <v>2</v>
      </c>
      <c r="K48" s="167"/>
    </row>
    <row r="49" spans="1:11" ht="90.75" customHeight="1">
      <c r="A49" s="150"/>
      <c r="B49" s="151"/>
      <c r="C49" s="241" t="s">
        <v>381</v>
      </c>
      <c r="D49" s="242" t="s">
        <v>25</v>
      </c>
      <c r="E49" s="243" t="s">
        <v>2</v>
      </c>
      <c r="F49" s="244" t="s">
        <v>2</v>
      </c>
      <c r="G49" s="245" t="s">
        <v>2</v>
      </c>
      <c r="H49" s="246"/>
      <c r="I49" s="245" t="s">
        <v>2</v>
      </c>
      <c r="J49" s="247" t="s">
        <v>2</v>
      </c>
      <c r="K49" s="248"/>
    </row>
    <row r="50" spans="1:11" ht="39" customHeight="1">
      <c r="A50" s="150"/>
      <c r="B50" s="151"/>
      <c r="C50" s="158" t="s">
        <v>382</v>
      </c>
      <c r="D50" s="192" t="s">
        <v>26</v>
      </c>
      <c r="E50" s="201" t="s">
        <v>2</v>
      </c>
      <c r="F50" s="202" t="s">
        <v>2</v>
      </c>
      <c r="G50" s="203" t="s">
        <v>2</v>
      </c>
      <c r="H50" s="141"/>
      <c r="I50" s="203" t="s">
        <v>2</v>
      </c>
      <c r="J50" s="211" t="s">
        <v>2</v>
      </c>
      <c r="K50" s="142"/>
    </row>
    <row r="51" spans="1:11" ht="39" customHeight="1">
      <c r="A51" s="150"/>
      <c r="B51" s="151"/>
      <c r="C51" s="158" t="s">
        <v>383</v>
      </c>
      <c r="D51" s="192" t="s">
        <v>27</v>
      </c>
      <c r="E51" s="201" t="s">
        <v>2</v>
      </c>
      <c r="F51" s="202" t="s">
        <v>2</v>
      </c>
      <c r="G51" s="203" t="s">
        <v>2</v>
      </c>
      <c r="H51" s="141"/>
      <c r="I51" s="203" t="s">
        <v>2</v>
      </c>
      <c r="J51" s="211" t="s">
        <v>2</v>
      </c>
      <c r="K51" s="142"/>
    </row>
    <row r="52" spans="1:11" ht="39" customHeight="1">
      <c r="A52" s="150"/>
      <c r="B52" s="151"/>
      <c r="C52" s="215" t="s">
        <v>384</v>
      </c>
      <c r="D52" s="196" t="s">
        <v>28</v>
      </c>
      <c r="E52" s="204" t="s">
        <v>2</v>
      </c>
      <c r="F52" s="205" t="s">
        <v>2</v>
      </c>
      <c r="G52" s="206" t="s">
        <v>2</v>
      </c>
      <c r="H52" s="144"/>
      <c r="I52" s="206" t="s">
        <v>2</v>
      </c>
      <c r="J52" s="212" t="s">
        <v>2</v>
      </c>
      <c r="K52" s="216"/>
    </row>
    <row r="53" spans="1:11" ht="44.25" customHeight="1">
      <c r="A53" s="217"/>
      <c r="B53" s="218"/>
      <c r="C53" s="158" t="s">
        <v>385</v>
      </c>
      <c r="D53" s="192" t="s">
        <v>424</v>
      </c>
      <c r="E53" s="201" t="s">
        <v>2</v>
      </c>
      <c r="F53" s="202" t="s">
        <v>2</v>
      </c>
      <c r="G53" s="203" t="s">
        <v>2</v>
      </c>
      <c r="H53" s="141"/>
      <c r="I53" s="203" t="s">
        <v>2</v>
      </c>
      <c r="J53" s="211" t="s">
        <v>2</v>
      </c>
      <c r="K53" s="142"/>
    </row>
    <row r="54" spans="1:11" ht="39" customHeight="1">
      <c r="A54" s="155">
        <v>5</v>
      </c>
      <c r="B54" s="159" t="s">
        <v>425</v>
      </c>
      <c r="C54" s="143" t="s">
        <v>426</v>
      </c>
      <c r="D54" s="192" t="s">
        <v>427</v>
      </c>
      <c r="E54" s="201" t="s">
        <v>2</v>
      </c>
      <c r="F54" s="202" t="s">
        <v>2</v>
      </c>
      <c r="G54" s="203" t="s">
        <v>2</v>
      </c>
      <c r="H54" s="141"/>
      <c r="I54" s="203" t="s">
        <v>2</v>
      </c>
      <c r="J54" s="211" t="s">
        <v>2</v>
      </c>
      <c r="K54" s="142"/>
    </row>
    <row r="55" spans="1:11" ht="39" customHeight="1">
      <c r="A55" s="160"/>
      <c r="B55" s="156"/>
      <c r="C55" s="227" t="s">
        <v>428</v>
      </c>
      <c r="D55" s="196" t="s">
        <v>29</v>
      </c>
      <c r="E55" s="204" t="s">
        <v>2</v>
      </c>
      <c r="F55" s="205" t="s">
        <v>2</v>
      </c>
      <c r="G55" s="206" t="s">
        <v>2</v>
      </c>
      <c r="H55" s="144"/>
      <c r="I55" s="206" t="s">
        <v>2</v>
      </c>
      <c r="J55" s="212" t="s">
        <v>2</v>
      </c>
      <c r="K55" s="216"/>
    </row>
    <row r="56" spans="1:11" ht="39" customHeight="1">
      <c r="A56" s="161"/>
      <c r="B56" s="162"/>
      <c r="C56" s="143" t="s">
        <v>429</v>
      </c>
      <c r="D56" s="192" t="s">
        <v>30</v>
      </c>
      <c r="E56" s="201" t="s">
        <v>2</v>
      </c>
      <c r="F56" s="202" t="s">
        <v>2</v>
      </c>
      <c r="G56" s="203" t="s">
        <v>2</v>
      </c>
      <c r="H56" s="141"/>
      <c r="I56" s="203" t="s">
        <v>2</v>
      </c>
      <c r="J56" s="211" t="s">
        <v>2</v>
      </c>
      <c r="K56" s="142"/>
    </row>
    <row r="57" spans="1:11" ht="39" customHeight="1">
      <c r="A57" s="155">
        <v>6</v>
      </c>
      <c r="B57" s="159" t="s">
        <v>430</v>
      </c>
      <c r="C57" s="143" t="s">
        <v>431</v>
      </c>
      <c r="D57" s="192" t="s">
        <v>31</v>
      </c>
      <c r="E57" s="201" t="s">
        <v>2</v>
      </c>
      <c r="F57" s="202" t="s">
        <v>2</v>
      </c>
      <c r="G57" s="203" t="s">
        <v>2</v>
      </c>
      <c r="H57" s="141"/>
      <c r="I57" s="203" t="s">
        <v>2</v>
      </c>
      <c r="J57" s="211" t="s">
        <v>2</v>
      </c>
      <c r="K57" s="142"/>
    </row>
    <row r="58" spans="1:11" ht="39" customHeight="1">
      <c r="A58" s="160"/>
      <c r="B58" s="156"/>
      <c r="C58" s="143" t="s">
        <v>432</v>
      </c>
      <c r="D58" s="196" t="s">
        <v>433</v>
      </c>
      <c r="E58" s="201" t="s">
        <v>2</v>
      </c>
      <c r="F58" s="202" t="s">
        <v>2</v>
      </c>
      <c r="G58" s="203" t="s">
        <v>2</v>
      </c>
      <c r="H58" s="141"/>
      <c r="I58" s="203" t="s">
        <v>2</v>
      </c>
      <c r="J58" s="211" t="s">
        <v>2</v>
      </c>
      <c r="K58" s="142"/>
    </row>
    <row r="59" spans="1:11" ht="39" customHeight="1" thickBot="1">
      <c r="A59" s="163"/>
      <c r="B59" s="164"/>
      <c r="C59" s="165" t="s">
        <v>434</v>
      </c>
      <c r="D59" s="197" t="s">
        <v>32</v>
      </c>
      <c r="E59" s="207" t="s">
        <v>2</v>
      </c>
      <c r="F59" s="208" t="s">
        <v>2</v>
      </c>
      <c r="G59" s="209" t="s">
        <v>2</v>
      </c>
      <c r="H59" s="166"/>
      <c r="I59" s="209" t="s">
        <v>2</v>
      </c>
      <c r="J59" s="214" t="s">
        <v>2</v>
      </c>
      <c r="K59" s="167"/>
    </row>
  </sheetData>
  <mergeCells count="13">
    <mergeCell ref="A40:A43"/>
    <mergeCell ref="B40:B43"/>
    <mergeCell ref="A7:A8"/>
    <mergeCell ref="B7:B8"/>
    <mergeCell ref="A9:A20"/>
    <mergeCell ref="B9:B20"/>
    <mergeCell ref="E5:F5"/>
    <mergeCell ref="G5:H5"/>
    <mergeCell ref="I5:J5"/>
    <mergeCell ref="K5:K6"/>
    <mergeCell ref="A5:A6"/>
    <mergeCell ref="B5:B6"/>
    <mergeCell ref="C5:D6"/>
  </mergeCells>
  <phoneticPr fontId="7"/>
  <printOptions horizontalCentered="1"/>
  <pageMargins left="0.59055118110236227" right="0.59055118110236227" top="0.98425196850393704" bottom="0.59055118110236227" header="0.51181102362204722" footer="0.51181102362204722"/>
  <pageSetup paperSize="9" scale="77" firstPageNumber="9" orientation="portrait" useFirstPageNumber="1" r:id="rId1"/>
  <headerFooter alignWithMargins="0">
    <oddFooter>&amp;C- &amp;P -</oddFooter>
  </headerFooter>
  <rowBreaks count="2" manualBreakCount="2">
    <brk id="27" max="10" man="1"/>
    <brk id="48" max="16383" man="1"/>
  </rowBreaks>
  <colBreaks count="1" manualBreakCount="1">
    <brk id="11"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112"/>
  <sheetViews>
    <sheetView view="pageBreakPreview" zoomScaleNormal="100" workbookViewId="0">
      <selection activeCell="C93" sqref="C93"/>
    </sheetView>
  </sheetViews>
  <sheetFormatPr defaultRowHeight="13.2"/>
  <cols>
    <col min="1" max="1" width="4.88671875" customWidth="1"/>
    <col min="2" max="2" width="18.109375" customWidth="1"/>
    <col min="3" max="3" width="61" customWidth="1"/>
    <col min="4" max="6" width="3.6640625" style="175" customWidth="1"/>
    <col min="7" max="7" width="5.6640625" style="175" customWidth="1"/>
    <col min="8" max="9" width="3.6640625" style="175" customWidth="1"/>
    <col min="10" max="10" width="29" style="119" customWidth="1"/>
  </cols>
  <sheetData>
    <row r="2" spans="1:10" ht="13.5" customHeight="1">
      <c r="B2" s="81"/>
      <c r="G2" s="176"/>
    </row>
    <row r="3" spans="1:10" ht="13.5" customHeight="1">
      <c r="B3" s="81"/>
      <c r="G3" s="176"/>
    </row>
    <row r="4" spans="1:10" ht="13.5" customHeight="1">
      <c r="B4" s="81"/>
    </row>
    <row r="5" spans="1:10" ht="13.5" customHeight="1">
      <c r="B5" s="81"/>
    </row>
    <row r="6" spans="1:10" ht="13.5" customHeight="1">
      <c r="B6" s="81"/>
    </row>
    <row r="7" spans="1:10" ht="13.5" customHeight="1">
      <c r="B7" s="81"/>
    </row>
    <row r="8" spans="1:10" ht="13.5" customHeight="1">
      <c r="B8" s="81"/>
    </row>
    <row r="9" spans="1:10" ht="13.5" customHeight="1">
      <c r="B9" s="81"/>
    </row>
    <row r="10" spans="1:10" ht="13.5" customHeight="1">
      <c r="B10" s="81"/>
    </row>
    <row r="11" spans="1:10" ht="25.2">
      <c r="A11" s="82" t="s">
        <v>468</v>
      </c>
      <c r="B11" s="82"/>
      <c r="C11" s="2"/>
      <c r="D11" s="168"/>
      <c r="E11" s="168"/>
      <c r="F11" s="168"/>
      <c r="G11" s="168"/>
      <c r="H11" s="168"/>
      <c r="I11" s="168"/>
      <c r="J11" s="120"/>
    </row>
    <row r="12" spans="1:10" ht="13.5" customHeight="1">
      <c r="B12" s="81"/>
    </row>
    <row r="13" spans="1:10" ht="13.5" customHeight="1">
      <c r="B13" s="81"/>
    </row>
    <row r="14" spans="1:10" ht="13.5" customHeight="1">
      <c r="B14" s="81"/>
    </row>
    <row r="15" spans="1:10" ht="13.5" customHeight="1">
      <c r="B15" s="81"/>
    </row>
    <row r="16" spans="1:10" ht="13.5" customHeight="1">
      <c r="B16" s="81"/>
    </row>
    <row r="17" spans="2:2" ht="13.5" customHeight="1">
      <c r="B17" s="81"/>
    </row>
    <row r="18" spans="2:2" ht="13.5" customHeight="1">
      <c r="B18" s="81"/>
    </row>
    <row r="19" spans="2:2" ht="13.5" customHeight="1">
      <c r="B19" s="81"/>
    </row>
    <row r="20" spans="2:2" ht="13.5" customHeight="1">
      <c r="B20" s="81"/>
    </row>
    <row r="21" spans="2:2" ht="13.5" customHeight="1">
      <c r="B21" s="81"/>
    </row>
    <row r="22" spans="2:2" ht="13.5" customHeight="1">
      <c r="B22" s="81"/>
    </row>
    <row r="23" spans="2:2" ht="13.5" customHeight="1">
      <c r="B23" s="81"/>
    </row>
    <row r="24" spans="2:2" ht="13.5" customHeight="1">
      <c r="B24" s="81"/>
    </row>
    <row r="25" spans="2:2" ht="13.5" customHeight="1">
      <c r="B25" s="81"/>
    </row>
    <row r="26" spans="2:2" ht="13.5" customHeight="1">
      <c r="B26" s="81"/>
    </row>
    <row r="27" spans="2:2" ht="13.5" customHeight="1">
      <c r="B27" s="81"/>
    </row>
    <row r="28" spans="2:2" ht="13.5" customHeight="1">
      <c r="B28" s="81"/>
    </row>
    <row r="29" spans="2:2" ht="13.5" customHeight="1">
      <c r="B29" s="81"/>
    </row>
    <row r="30" spans="2:2" ht="13.5" customHeight="1">
      <c r="B30" s="81"/>
    </row>
    <row r="31" spans="2:2" ht="13.5" customHeight="1">
      <c r="B31" s="81"/>
    </row>
    <row r="32" spans="2:2" ht="13.5" customHeight="1">
      <c r="B32" s="81"/>
    </row>
    <row r="33" spans="1:10" ht="13.5" customHeight="1">
      <c r="B33" s="81"/>
    </row>
    <row r="34" spans="1:10" ht="13.5" customHeight="1">
      <c r="B34" s="81"/>
    </row>
    <row r="35" spans="1:10" ht="13.5" customHeight="1">
      <c r="B35" s="81"/>
    </row>
    <row r="36" spans="1:10" ht="13.5" customHeight="1">
      <c r="B36" s="81"/>
    </row>
    <row r="37" spans="1:10" ht="13.5" customHeight="1">
      <c r="B37" s="81"/>
    </row>
    <row r="38" spans="1:10" ht="13.5" customHeight="1">
      <c r="B38" s="81"/>
    </row>
    <row r="39" spans="1:10" ht="13.5" customHeight="1">
      <c r="B39" s="81"/>
    </row>
    <row r="40" spans="1:10" ht="13.5" customHeight="1">
      <c r="B40" s="81"/>
    </row>
    <row r="41" spans="1:10" ht="25.2">
      <c r="A41" s="83" t="s">
        <v>300</v>
      </c>
      <c r="B41" s="82"/>
      <c r="C41" s="83"/>
      <c r="D41" s="168"/>
      <c r="E41" s="168"/>
      <c r="F41" s="168"/>
      <c r="G41" s="168"/>
      <c r="H41" s="168"/>
      <c r="I41" s="168"/>
      <c r="J41" s="120"/>
    </row>
    <row r="42" spans="1:10" ht="15" customHeight="1">
      <c r="A42" s="286" t="s">
        <v>193</v>
      </c>
      <c r="B42" s="286" t="s">
        <v>194</v>
      </c>
      <c r="C42" s="286" t="s">
        <v>195</v>
      </c>
      <c r="D42" s="282" t="s">
        <v>389</v>
      </c>
      <c r="E42" s="282"/>
      <c r="F42" s="281" t="s">
        <v>390</v>
      </c>
      <c r="G42" s="281"/>
      <c r="H42" s="281" t="s">
        <v>391</v>
      </c>
      <c r="I42" s="281"/>
      <c r="J42" s="283" t="s">
        <v>96</v>
      </c>
    </row>
    <row r="43" spans="1:10" ht="15" customHeight="1">
      <c r="A43" s="287"/>
      <c r="B43" s="287"/>
      <c r="C43" s="287"/>
      <c r="D43" s="282"/>
      <c r="E43" s="282"/>
      <c r="F43" s="281"/>
      <c r="G43" s="281"/>
      <c r="H43" s="281"/>
      <c r="I43" s="281"/>
      <c r="J43" s="284"/>
    </row>
    <row r="44" spans="1:10" ht="15" customHeight="1">
      <c r="A44" s="288"/>
      <c r="B44" s="288"/>
      <c r="C44" s="288"/>
      <c r="D44" s="169" t="s">
        <v>393</v>
      </c>
      <c r="E44" s="170" t="s">
        <v>394</v>
      </c>
      <c r="F44" s="169" t="s">
        <v>395</v>
      </c>
      <c r="G44" s="171" t="s">
        <v>396</v>
      </c>
      <c r="H44" s="169" t="s">
        <v>393</v>
      </c>
      <c r="I44" s="171" t="s">
        <v>394</v>
      </c>
      <c r="J44" s="285"/>
    </row>
    <row r="45" spans="1:10" ht="15" customHeight="1">
      <c r="A45" s="76"/>
      <c r="B45" s="77" t="s">
        <v>226</v>
      </c>
      <c r="C45" s="77" t="s">
        <v>49</v>
      </c>
      <c r="D45" s="177" t="s">
        <v>3</v>
      </c>
      <c r="E45" s="178" t="s">
        <v>2</v>
      </c>
      <c r="F45" s="177" t="s">
        <v>2</v>
      </c>
      <c r="G45" s="178"/>
      <c r="H45" s="177" t="s">
        <v>2</v>
      </c>
      <c r="I45" s="178" t="s">
        <v>2</v>
      </c>
      <c r="J45" s="121"/>
    </row>
    <row r="46" spans="1:10" ht="15" customHeight="1">
      <c r="A46" s="76"/>
      <c r="B46" s="77"/>
      <c r="C46" s="77" t="s">
        <v>50</v>
      </c>
      <c r="D46" s="179" t="s">
        <v>2</v>
      </c>
      <c r="E46" s="180" t="s">
        <v>2</v>
      </c>
      <c r="F46" s="179" t="s">
        <v>2</v>
      </c>
      <c r="G46" s="180"/>
      <c r="H46" s="179" t="s">
        <v>2</v>
      </c>
      <c r="I46" s="180" t="s">
        <v>2</v>
      </c>
      <c r="J46" s="121"/>
    </row>
    <row r="47" spans="1:10" ht="15" customHeight="1">
      <c r="A47" s="76"/>
      <c r="B47" s="77"/>
      <c r="C47" s="77"/>
      <c r="D47" s="179"/>
      <c r="E47" s="180"/>
      <c r="F47" s="179"/>
      <c r="G47" s="180"/>
      <c r="H47" s="179"/>
      <c r="I47" s="180"/>
      <c r="J47" s="121"/>
    </row>
    <row r="48" spans="1:10" ht="15" customHeight="1">
      <c r="A48" s="76"/>
      <c r="B48" s="77" t="s">
        <v>227</v>
      </c>
      <c r="C48" s="77" t="s">
        <v>51</v>
      </c>
      <c r="D48" s="179" t="s">
        <v>2</v>
      </c>
      <c r="E48" s="180" t="s">
        <v>2</v>
      </c>
      <c r="F48" s="179" t="s">
        <v>2</v>
      </c>
      <c r="G48" s="180"/>
      <c r="H48" s="179" t="s">
        <v>2</v>
      </c>
      <c r="I48" s="180" t="s">
        <v>2</v>
      </c>
      <c r="J48" s="121"/>
    </row>
    <row r="49" spans="1:10" ht="15" customHeight="1">
      <c r="A49" s="76"/>
      <c r="B49" s="77"/>
      <c r="C49" s="77" t="s">
        <v>52</v>
      </c>
      <c r="D49" s="179" t="s">
        <v>2</v>
      </c>
      <c r="E49" s="180" t="s">
        <v>2</v>
      </c>
      <c r="F49" s="179" t="s">
        <v>2</v>
      </c>
      <c r="G49" s="180"/>
      <c r="H49" s="179" t="s">
        <v>2</v>
      </c>
      <c r="I49" s="180" t="s">
        <v>2</v>
      </c>
      <c r="J49" s="121"/>
    </row>
    <row r="50" spans="1:10" ht="15" customHeight="1">
      <c r="A50" s="76"/>
      <c r="B50" s="77"/>
      <c r="C50" s="77" t="s">
        <v>53</v>
      </c>
      <c r="D50" s="179" t="s">
        <v>2</v>
      </c>
      <c r="E50" s="180" t="s">
        <v>2</v>
      </c>
      <c r="F50" s="179" t="s">
        <v>2</v>
      </c>
      <c r="G50" s="180"/>
      <c r="H50" s="179" t="s">
        <v>2</v>
      </c>
      <c r="I50" s="180" t="s">
        <v>2</v>
      </c>
      <c r="J50" s="121"/>
    </row>
    <row r="51" spans="1:10" ht="15" customHeight="1">
      <c r="A51" s="76"/>
      <c r="B51" s="77"/>
      <c r="C51" s="77" t="s">
        <v>54</v>
      </c>
      <c r="D51" s="179" t="s">
        <v>2</v>
      </c>
      <c r="E51" s="180" t="s">
        <v>2</v>
      </c>
      <c r="F51" s="179" t="s">
        <v>2</v>
      </c>
      <c r="G51" s="180"/>
      <c r="H51" s="179" t="s">
        <v>2</v>
      </c>
      <c r="I51" s="180" t="s">
        <v>2</v>
      </c>
      <c r="J51" s="121"/>
    </row>
    <row r="52" spans="1:10" ht="15" customHeight="1">
      <c r="A52" s="76"/>
      <c r="B52" s="77"/>
      <c r="C52" s="77" t="s">
        <v>55</v>
      </c>
      <c r="D52" s="179" t="s">
        <v>2</v>
      </c>
      <c r="E52" s="180" t="s">
        <v>2</v>
      </c>
      <c r="F52" s="179" t="s">
        <v>2</v>
      </c>
      <c r="G52" s="180"/>
      <c r="H52" s="179" t="s">
        <v>2</v>
      </c>
      <c r="I52" s="180" t="s">
        <v>2</v>
      </c>
      <c r="J52" s="121"/>
    </row>
    <row r="53" spans="1:10" ht="15" customHeight="1">
      <c r="A53" s="76"/>
      <c r="B53" s="77"/>
      <c r="C53" s="77" t="s">
        <v>56</v>
      </c>
      <c r="D53" s="179" t="s">
        <v>2</v>
      </c>
      <c r="E53" s="180" t="s">
        <v>2</v>
      </c>
      <c r="F53" s="179" t="s">
        <v>2</v>
      </c>
      <c r="G53" s="180"/>
      <c r="H53" s="179" t="s">
        <v>2</v>
      </c>
      <c r="I53" s="180" t="s">
        <v>2</v>
      </c>
      <c r="J53" s="121"/>
    </row>
    <row r="54" spans="1:10" ht="15" customHeight="1">
      <c r="A54" s="76"/>
      <c r="B54" s="77"/>
      <c r="C54" s="77" t="s">
        <v>57</v>
      </c>
      <c r="D54" s="179" t="s">
        <v>2</v>
      </c>
      <c r="E54" s="180" t="s">
        <v>2</v>
      </c>
      <c r="F54" s="179" t="s">
        <v>2</v>
      </c>
      <c r="G54" s="180"/>
      <c r="H54" s="179" t="s">
        <v>2</v>
      </c>
      <c r="I54" s="180" t="s">
        <v>2</v>
      </c>
      <c r="J54" s="121"/>
    </row>
    <row r="55" spans="1:10" ht="15" customHeight="1">
      <c r="A55" s="76"/>
      <c r="B55" s="77"/>
      <c r="C55" s="77" t="s">
        <v>58</v>
      </c>
      <c r="D55" s="179" t="s">
        <v>2</v>
      </c>
      <c r="E55" s="180" t="s">
        <v>2</v>
      </c>
      <c r="F55" s="179" t="s">
        <v>2</v>
      </c>
      <c r="G55" s="180"/>
      <c r="H55" s="179" t="s">
        <v>2</v>
      </c>
      <c r="I55" s="180" t="s">
        <v>2</v>
      </c>
      <c r="J55" s="121"/>
    </row>
    <row r="56" spans="1:10" ht="15" customHeight="1">
      <c r="A56" s="76"/>
      <c r="B56" s="77"/>
      <c r="C56" s="77"/>
      <c r="D56" s="179"/>
      <c r="E56" s="180"/>
      <c r="F56" s="179"/>
      <c r="G56" s="180"/>
      <c r="H56" s="179"/>
      <c r="I56" s="180"/>
      <c r="J56" s="121"/>
    </row>
    <row r="57" spans="1:10" ht="15" customHeight="1">
      <c r="A57" s="76"/>
      <c r="B57" s="77" t="s">
        <v>228</v>
      </c>
      <c r="C57" s="77" t="s">
        <v>59</v>
      </c>
      <c r="D57" s="179" t="s">
        <v>2</v>
      </c>
      <c r="E57" s="180" t="s">
        <v>2</v>
      </c>
      <c r="F57" s="179" t="s">
        <v>2</v>
      </c>
      <c r="G57" s="180"/>
      <c r="H57" s="179" t="s">
        <v>2</v>
      </c>
      <c r="I57" s="180" t="s">
        <v>2</v>
      </c>
      <c r="J57" s="121"/>
    </row>
    <row r="58" spans="1:10" ht="15" customHeight="1">
      <c r="A58" s="76"/>
      <c r="B58" s="77"/>
      <c r="C58" s="77" t="s">
        <v>60</v>
      </c>
      <c r="D58" s="179" t="s">
        <v>2</v>
      </c>
      <c r="E58" s="180" t="s">
        <v>2</v>
      </c>
      <c r="F58" s="179" t="s">
        <v>2</v>
      </c>
      <c r="G58" s="180"/>
      <c r="H58" s="179" t="s">
        <v>2</v>
      </c>
      <c r="I58" s="180" t="s">
        <v>2</v>
      </c>
      <c r="J58" s="121"/>
    </row>
    <row r="59" spans="1:10" ht="15" customHeight="1">
      <c r="A59" s="76"/>
      <c r="B59" s="77"/>
      <c r="C59" s="77" t="s">
        <v>61</v>
      </c>
      <c r="D59" s="179" t="s">
        <v>2</v>
      </c>
      <c r="E59" s="180" t="s">
        <v>2</v>
      </c>
      <c r="F59" s="179" t="s">
        <v>2</v>
      </c>
      <c r="G59" s="180"/>
      <c r="H59" s="179" t="s">
        <v>2</v>
      </c>
      <c r="I59" s="180" t="s">
        <v>2</v>
      </c>
      <c r="J59" s="121"/>
    </row>
    <row r="60" spans="1:10" ht="15" customHeight="1">
      <c r="A60" s="76"/>
      <c r="B60" s="77"/>
      <c r="C60" s="77" t="s">
        <v>62</v>
      </c>
      <c r="D60" s="179" t="s">
        <v>2</v>
      </c>
      <c r="E60" s="180" t="s">
        <v>2</v>
      </c>
      <c r="F60" s="179" t="s">
        <v>2</v>
      </c>
      <c r="G60" s="180"/>
      <c r="H60" s="179" t="s">
        <v>2</v>
      </c>
      <c r="I60" s="180" t="s">
        <v>2</v>
      </c>
      <c r="J60" s="121"/>
    </row>
    <row r="61" spans="1:10" ht="15" customHeight="1">
      <c r="A61" s="76"/>
      <c r="B61" s="77"/>
      <c r="C61" s="77"/>
      <c r="D61" s="179"/>
      <c r="E61" s="180"/>
      <c r="F61" s="179"/>
      <c r="G61" s="180"/>
      <c r="H61" s="179"/>
      <c r="I61" s="180"/>
      <c r="J61" s="121"/>
    </row>
    <row r="62" spans="1:10" ht="15" customHeight="1">
      <c r="A62" s="76"/>
      <c r="B62" s="77" t="s">
        <v>229</v>
      </c>
      <c r="C62" s="77" t="s">
        <v>63</v>
      </c>
      <c r="D62" s="179" t="s">
        <v>2</v>
      </c>
      <c r="E62" s="180" t="s">
        <v>2</v>
      </c>
      <c r="F62" s="179" t="s">
        <v>2</v>
      </c>
      <c r="G62" s="180"/>
      <c r="H62" s="179" t="s">
        <v>2</v>
      </c>
      <c r="I62" s="180" t="s">
        <v>2</v>
      </c>
      <c r="J62" s="121"/>
    </row>
    <row r="63" spans="1:10" ht="15" customHeight="1">
      <c r="A63" s="76"/>
      <c r="B63" s="77"/>
      <c r="C63" s="77" t="s">
        <v>175</v>
      </c>
      <c r="D63" s="179" t="s">
        <v>2</v>
      </c>
      <c r="E63" s="180" t="s">
        <v>2</v>
      </c>
      <c r="F63" s="179" t="s">
        <v>2</v>
      </c>
      <c r="G63" s="180"/>
      <c r="H63" s="179" t="s">
        <v>2</v>
      </c>
      <c r="I63" s="180" t="s">
        <v>2</v>
      </c>
      <c r="J63" s="121"/>
    </row>
    <row r="64" spans="1:10" ht="15" customHeight="1">
      <c r="A64" s="76"/>
      <c r="B64" s="77"/>
      <c r="C64" s="77" t="s">
        <v>176</v>
      </c>
      <c r="D64" s="172" t="s">
        <v>2</v>
      </c>
      <c r="E64" s="173" t="s">
        <v>2</v>
      </c>
      <c r="F64" s="172" t="s">
        <v>2</v>
      </c>
      <c r="G64" s="174"/>
      <c r="H64" s="172" t="s">
        <v>2</v>
      </c>
      <c r="I64" s="174" t="s">
        <v>2</v>
      </c>
      <c r="J64" s="121"/>
    </row>
    <row r="65" spans="1:10" ht="15" customHeight="1">
      <c r="A65" s="76"/>
      <c r="B65" s="77"/>
      <c r="C65" s="77" t="s">
        <v>177</v>
      </c>
      <c r="D65" s="179"/>
      <c r="E65" s="180"/>
      <c r="F65" s="179"/>
      <c r="G65" s="180"/>
      <c r="H65" s="179"/>
      <c r="I65" s="180"/>
      <c r="J65" s="121"/>
    </row>
    <row r="66" spans="1:10" ht="15" customHeight="1">
      <c r="A66" s="76"/>
      <c r="B66" s="77"/>
      <c r="C66" s="77" t="s">
        <v>64</v>
      </c>
      <c r="D66" s="179" t="s">
        <v>2</v>
      </c>
      <c r="E66" s="180" t="s">
        <v>2</v>
      </c>
      <c r="F66" s="179" t="s">
        <v>2</v>
      </c>
      <c r="G66" s="180"/>
      <c r="H66" s="179" t="s">
        <v>2</v>
      </c>
      <c r="I66" s="180" t="s">
        <v>2</v>
      </c>
      <c r="J66" s="121"/>
    </row>
    <row r="67" spans="1:10" ht="15" customHeight="1">
      <c r="A67" s="76"/>
      <c r="B67" s="77"/>
      <c r="C67" s="77" t="s">
        <v>65</v>
      </c>
      <c r="D67" s="179" t="s">
        <v>2</v>
      </c>
      <c r="E67" s="180" t="s">
        <v>2</v>
      </c>
      <c r="F67" s="179" t="s">
        <v>2</v>
      </c>
      <c r="G67" s="180"/>
      <c r="H67" s="179" t="s">
        <v>2</v>
      </c>
      <c r="I67" s="180" t="s">
        <v>2</v>
      </c>
      <c r="J67" s="121"/>
    </row>
    <row r="68" spans="1:10" ht="15" customHeight="1">
      <c r="A68" s="76"/>
      <c r="B68" s="77"/>
      <c r="C68" s="77"/>
      <c r="D68" s="179"/>
      <c r="E68" s="180"/>
      <c r="F68" s="179"/>
      <c r="G68" s="180"/>
      <c r="H68" s="179"/>
      <c r="I68" s="180"/>
      <c r="J68" s="121"/>
    </row>
    <row r="69" spans="1:10" ht="15" customHeight="1">
      <c r="A69" s="76"/>
      <c r="B69" s="77" t="s">
        <v>230</v>
      </c>
      <c r="C69" s="77" t="s">
        <v>66</v>
      </c>
      <c r="D69" s="179" t="s">
        <v>2</v>
      </c>
      <c r="E69" s="180" t="s">
        <v>2</v>
      </c>
      <c r="F69" s="179" t="s">
        <v>2</v>
      </c>
      <c r="G69" s="180"/>
      <c r="H69" s="179" t="s">
        <v>2</v>
      </c>
      <c r="I69" s="180" t="s">
        <v>2</v>
      </c>
      <c r="J69" s="121"/>
    </row>
    <row r="70" spans="1:10" ht="15" customHeight="1">
      <c r="A70" s="76"/>
      <c r="B70" s="77"/>
      <c r="C70" s="77"/>
      <c r="D70" s="179"/>
      <c r="E70" s="180"/>
      <c r="F70" s="179"/>
      <c r="G70" s="180"/>
      <c r="H70" s="179"/>
      <c r="I70" s="180"/>
      <c r="J70" s="121"/>
    </row>
    <row r="71" spans="1:10" ht="15" customHeight="1">
      <c r="A71" s="76"/>
      <c r="B71" s="77" t="s">
        <v>231</v>
      </c>
      <c r="C71" s="77" t="s">
        <v>67</v>
      </c>
      <c r="D71" s="179" t="s">
        <v>2</v>
      </c>
      <c r="E71" s="180" t="s">
        <v>2</v>
      </c>
      <c r="F71" s="179" t="s">
        <v>2</v>
      </c>
      <c r="G71" s="180"/>
      <c r="H71" s="179" t="s">
        <v>2</v>
      </c>
      <c r="I71" s="180" t="s">
        <v>2</v>
      </c>
      <c r="J71" s="121"/>
    </row>
    <row r="72" spans="1:10" ht="15" customHeight="1">
      <c r="A72" s="76"/>
      <c r="B72" s="77"/>
      <c r="C72" s="77" t="s">
        <v>68</v>
      </c>
      <c r="D72" s="179" t="s">
        <v>2</v>
      </c>
      <c r="E72" s="180" t="s">
        <v>2</v>
      </c>
      <c r="F72" s="179" t="s">
        <v>2</v>
      </c>
      <c r="G72" s="180"/>
      <c r="H72" s="179" t="s">
        <v>2</v>
      </c>
      <c r="I72" s="180" t="s">
        <v>2</v>
      </c>
      <c r="J72" s="121"/>
    </row>
    <row r="73" spans="1:10" ht="15" customHeight="1">
      <c r="A73" s="76"/>
      <c r="B73" s="77"/>
      <c r="C73" s="77"/>
      <c r="D73" s="179"/>
      <c r="E73" s="180"/>
      <c r="F73" s="179"/>
      <c r="G73" s="180"/>
      <c r="H73" s="179"/>
      <c r="I73" s="180"/>
      <c r="J73" s="121"/>
    </row>
    <row r="74" spans="1:10" ht="15" customHeight="1">
      <c r="A74" s="76"/>
      <c r="B74" s="90" t="s">
        <v>232</v>
      </c>
      <c r="C74" s="77" t="s">
        <v>178</v>
      </c>
      <c r="D74" s="179" t="s">
        <v>2</v>
      </c>
      <c r="E74" s="180" t="s">
        <v>2</v>
      </c>
      <c r="F74" s="179" t="s">
        <v>2</v>
      </c>
      <c r="G74" s="180"/>
      <c r="H74" s="179" t="s">
        <v>2</v>
      </c>
      <c r="I74" s="180" t="s">
        <v>2</v>
      </c>
      <c r="J74" s="121"/>
    </row>
    <row r="75" spans="1:10" ht="15" customHeight="1">
      <c r="A75" s="76"/>
      <c r="B75" s="78"/>
      <c r="C75" s="77" t="s">
        <v>179</v>
      </c>
      <c r="D75" s="179"/>
      <c r="E75" s="180"/>
      <c r="F75" s="179"/>
      <c r="G75" s="180"/>
      <c r="H75" s="179"/>
      <c r="I75" s="180"/>
      <c r="J75" s="121"/>
    </row>
    <row r="76" spans="1:10" ht="15" customHeight="1">
      <c r="A76" s="80"/>
      <c r="B76" s="80"/>
      <c r="C76" s="183" t="s">
        <v>252</v>
      </c>
      <c r="D76" s="181" t="s">
        <v>2</v>
      </c>
      <c r="E76" s="182" t="s">
        <v>2</v>
      </c>
      <c r="F76" s="181" t="s">
        <v>2</v>
      </c>
      <c r="G76" s="182"/>
      <c r="H76" s="181" t="s">
        <v>2</v>
      </c>
      <c r="I76" s="182" t="s">
        <v>2</v>
      </c>
      <c r="J76" s="122"/>
    </row>
    <row r="77" spans="1:10" ht="25.2">
      <c r="A77" s="83" t="s">
        <v>300</v>
      </c>
      <c r="B77" s="82"/>
      <c r="C77" s="83"/>
      <c r="D77" s="168"/>
      <c r="E77" s="168"/>
      <c r="F77" s="168"/>
      <c r="G77" s="168"/>
      <c r="H77" s="168"/>
      <c r="I77" s="168"/>
      <c r="J77" s="120"/>
    </row>
    <row r="78" spans="1:10" ht="15" customHeight="1">
      <c r="A78" s="286" t="s">
        <v>193</v>
      </c>
      <c r="B78" s="286" t="s">
        <v>194</v>
      </c>
      <c r="C78" s="286" t="s">
        <v>195</v>
      </c>
      <c r="D78" s="282" t="s">
        <v>389</v>
      </c>
      <c r="E78" s="282"/>
      <c r="F78" s="281" t="s">
        <v>390</v>
      </c>
      <c r="G78" s="281"/>
      <c r="H78" s="281" t="s">
        <v>391</v>
      </c>
      <c r="I78" s="281"/>
      <c r="J78" s="283" t="s">
        <v>96</v>
      </c>
    </row>
    <row r="79" spans="1:10" ht="15" customHeight="1">
      <c r="A79" s="287"/>
      <c r="B79" s="287"/>
      <c r="C79" s="287"/>
      <c r="D79" s="282"/>
      <c r="E79" s="282"/>
      <c r="F79" s="281"/>
      <c r="G79" s="281"/>
      <c r="H79" s="281"/>
      <c r="I79" s="281"/>
      <c r="J79" s="284"/>
    </row>
    <row r="80" spans="1:10" ht="15" customHeight="1">
      <c r="A80" s="288"/>
      <c r="B80" s="288"/>
      <c r="C80" s="288"/>
      <c r="D80" s="169" t="s">
        <v>393</v>
      </c>
      <c r="E80" s="170" t="s">
        <v>394</v>
      </c>
      <c r="F80" s="169" t="s">
        <v>395</v>
      </c>
      <c r="G80" s="171" t="s">
        <v>396</v>
      </c>
      <c r="H80" s="169" t="s">
        <v>393</v>
      </c>
      <c r="I80" s="171" t="s">
        <v>394</v>
      </c>
      <c r="J80" s="285"/>
    </row>
    <row r="81" spans="1:10" ht="15" customHeight="1">
      <c r="A81" s="76"/>
      <c r="B81" s="77" t="s">
        <v>107</v>
      </c>
      <c r="C81" s="77" t="s">
        <v>233</v>
      </c>
      <c r="D81" s="177" t="s">
        <v>3</v>
      </c>
      <c r="E81" s="178" t="s">
        <v>2</v>
      </c>
      <c r="F81" s="177" t="s">
        <v>2</v>
      </c>
      <c r="G81" s="178"/>
      <c r="H81" s="177" t="s">
        <v>2</v>
      </c>
      <c r="I81" s="178" t="s">
        <v>2</v>
      </c>
      <c r="J81" s="121"/>
    </row>
    <row r="82" spans="1:10" ht="15" customHeight="1">
      <c r="A82" s="76"/>
      <c r="B82" s="77"/>
      <c r="C82" s="77" t="s">
        <v>173</v>
      </c>
      <c r="D82" s="179" t="s">
        <v>2</v>
      </c>
      <c r="E82" s="180" t="s">
        <v>2</v>
      </c>
      <c r="F82" s="179" t="s">
        <v>2</v>
      </c>
      <c r="G82" s="180"/>
      <c r="H82" s="179" t="s">
        <v>2</v>
      </c>
      <c r="I82" s="180" t="s">
        <v>2</v>
      </c>
      <c r="J82" s="121"/>
    </row>
    <row r="83" spans="1:10" ht="15" customHeight="1">
      <c r="A83" s="76"/>
      <c r="B83" s="77"/>
      <c r="C83" s="77" t="s">
        <v>174</v>
      </c>
      <c r="D83" s="179"/>
      <c r="E83" s="180"/>
      <c r="F83" s="179"/>
      <c r="G83" s="180"/>
      <c r="H83" s="179"/>
      <c r="I83" s="180"/>
      <c r="J83" s="121"/>
    </row>
    <row r="84" spans="1:10" ht="15" customHeight="1">
      <c r="A84" s="76"/>
      <c r="B84" s="77"/>
      <c r="C84" s="77"/>
      <c r="D84" s="179"/>
      <c r="E84" s="180"/>
      <c r="F84" s="179"/>
      <c r="G84" s="180"/>
      <c r="H84" s="179"/>
      <c r="I84" s="180"/>
      <c r="J84" s="121"/>
    </row>
    <row r="85" spans="1:10" ht="15" customHeight="1">
      <c r="A85" s="76"/>
      <c r="B85" s="77" t="s">
        <v>108</v>
      </c>
      <c r="C85" s="77" t="s">
        <v>234</v>
      </c>
      <c r="D85" s="179" t="s">
        <v>2</v>
      </c>
      <c r="E85" s="180" t="s">
        <v>2</v>
      </c>
      <c r="F85" s="179" t="s">
        <v>2</v>
      </c>
      <c r="G85" s="180"/>
      <c r="H85" s="179" t="s">
        <v>2</v>
      </c>
      <c r="I85" s="180" t="s">
        <v>2</v>
      </c>
      <c r="J85" s="121"/>
    </row>
    <row r="86" spans="1:10" ht="15" customHeight="1">
      <c r="A86" s="76"/>
      <c r="B86" s="77"/>
      <c r="C86" s="77" t="s">
        <v>180</v>
      </c>
      <c r="D86" s="179"/>
      <c r="E86" s="180"/>
      <c r="F86" s="179"/>
      <c r="G86" s="180"/>
      <c r="H86" s="179"/>
      <c r="I86" s="180"/>
      <c r="J86" s="121"/>
    </row>
    <row r="87" spans="1:10" ht="15" customHeight="1">
      <c r="A87" s="76"/>
      <c r="B87" s="77"/>
      <c r="C87" s="77" t="s">
        <v>235</v>
      </c>
      <c r="D87" s="179" t="s">
        <v>2</v>
      </c>
      <c r="E87" s="180" t="s">
        <v>2</v>
      </c>
      <c r="F87" s="179" t="s">
        <v>2</v>
      </c>
      <c r="G87" s="180"/>
      <c r="H87" s="179" t="s">
        <v>2</v>
      </c>
      <c r="I87" s="180" t="s">
        <v>2</v>
      </c>
      <c r="J87" s="121"/>
    </row>
    <row r="88" spans="1:10" ht="15" customHeight="1">
      <c r="A88" s="76"/>
      <c r="B88" s="77"/>
      <c r="C88" s="77" t="s">
        <v>236</v>
      </c>
      <c r="D88" s="179" t="s">
        <v>2</v>
      </c>
      <c r="E88" s="180" t="s">
        <v>2</v>
      </c>
      <c r="F88" s="179" t="s">
        <v>2</v>
      </c>
      <c r="G88" s="180"/>
      <c r="H88" s="179" t="s">
        <v>2</v>
      </c>
      <c r="I88" s="180" t="s">
        <v>2</v>
      </c>
      <c r="J88" s="121"/>
    </row>
    <row r="89" spans="1:10" ht="15" customHeight="1">
      <c r="A89" s="76"/>
      <c r="B89" s="77"/>
      <c r="C89" s="77" t="s">
        <v>237</v>
      </c>
      <c r="D89" s="179" t="s">
        <v>2</v>
      </c>
      <c r="E89" s="180" t="s">
        <v>2</v>
      </c>
      <c r="F89" s="179" t="s">
        <v>2</v>
      </c>
      <c r="G89" s="180"/>
      <c r="H89" s="179" t="s">
        <v>2</v>
      </c>
      <c r="I89" s="180" t="s">
        <v>2</v>
      </c>
      <c r="J89" s="121"/>
    </row>
    <row r="90" spans="1:10" ht="15" customHeight="1">
      <c r="A90" s="76"/>
      <c r="B90" s="77"/>
      <c r="C90" s="77" t="s">
        <v>238</v>
      </c>
      <c r="D90" s="179"/>
      <c r="E90" s="180"/>
      <c r="F90" s="179"/>
      <c r="G90" s="180"/>
      <c r="H90" s="179"/>
      <c r="I90" s="180"/>
      <c r="J90" s="121"/>
    </row>
    <row r="91" spans="1:10" ht="15" customHeight="1">
      <c r="A91" s="76"/>
      <c r="B91" s="77"/>
      <c r="C91" s="77" t="s">
        <v>181</v>
      </c>
      <c r="D91" s="179" t="s">
        <v>2</v>
      </c>
      <c r="E91" s="180" t="s">
        <v>2</v>
      </c>
      <c r="F91" s="179" t="s">
        <v>2</v>
      </c>
      <c r="G91" s="180"/>
      <c r="H91" s="179" t="s">
        <v>2</v>
      </c>
      <c r="I91" s="180" t="s">
        <v>2</v>
      </c>
      <c r="J91" s="121"/>
    </row>
    <row r="92" spans="1:10" ht="15" customHeight="1">
      <c r="A92" s="76"/>
      <c r="B92" s="77"/>
      <c r="C92" s="77" t="s">
        <v>182</v>
      </c>
      <c r="D92" s="179" t="s">
        <v>2</v>
      </c>
      <c r="E92" s="180" t="s">
        <v>2</v>
      </c>
      <c r="F92" s="179" t="s">
        <v>2</v>
      </c>
      <c r="G92" s="180"/>
      <c r="H92" s="179" t="s">
        <v>2</v>
      </c>
      <c r="I92" s="180" t="s">
        <v>2</v>
      </c>
      <c r="J92" s="121"/>
    </row>
    <row r="93" spans="1:10" ht="15" customHeight="1">
      <c r="A93" s="76"/>
      <c r="B93" s="77"/>
      <c r="C93" s="77" t="s">
        <v>183</v>
      </c>
      <c r="D93" s="179" t="s">
        <v>2</v>
      </c>
      <c r="E93" s="180" t="s">
        <v>2</v>
      </c>
      <c r="F93" s="179" t="s">
        <v>2</v>
      </c>
      <c r="G93" s="180"/>
      <c r="H93" s="179" t="s">
        <v>2</v>
      </c>
      <c r="I93" s="180" t="s">
        <v>2</v>
      </c>
      <c r="J93" s="121"/>
    </row>
    <row r="94" spans="1:10" ht="15" customHeight="1">
      <c r="A94" s="76"/>
      <c r="B94" s="77"/>
      <c r="C94" s="77" t="s">
        <v>239</v>
      </c>
      <c r="D94" s="179" t="s">
        <v>2</v>
      </c>
      <c r="E94" s="180" t="s">
        <v>2</v>
      </c>
      <c r="F94" s="179" t="s">
        <v>2</v>
      </c>
      <c r="G94" s="180"/>
      <c r="H94" s="179" t="s">
        <v>2</v>
      </c>
      <c r="I94" s="180" t="s">
        <v>2</v>
      </c>
      <c r="J94" s="121"/>
    </row>
    <row r="95" spans="1:10" ht="15" customHeight="1">
      <c r="A95" s="76"/>
      <c r="B95" s="77"/>
      <c r="C95" s="77" t="s">
        <v>184</v>
      </c>
      <c r="D95" s="179"/>
      <c r="E95" s="180"/>
      <c r="F95" s="179"/>
      <c r="G95" s="180"/>
      <c r="H95" s="179"/>
      <c r="I95" s="180"/>
      <c r="J95" s="121"/>
    </row>
    <row r="96" spans="1:10" ht="15" customHeight="1">
      <c r="A96" s="76"/>
      <c r="B96" s="77"/>
      <c r="C96" s="77" t="s">
        <v>185</v>
      </c>
      <c r="D96" s="179"/>
      <c r="E96" s="180"/>
      <c r="F96" s="179"/>
      <c r="G96" s="180"/>
      <c r="H96" s="179"/>
      <c r="I96" s="180"/>
      <c r="J96" s="121"/>
    </row>
    <row r="97" spans="1:10" ht="15" customHeight="1">
      <c r="A97" s="76"/>
      <c r="B97" s="77"/>
      <c r="C97" s="77" t="s">
        <v>186</v>
      </c>
      <c r="D97" s="179" t="s">
        <v>2</v>
      </c>
      <c r="E97" s="180" t="s">
        <v>2</v>
      </c>
      <c r="F97" s="179" t="s">
        <v>2</v>
      </c>
      <c r="G97" s="180"/>
      <c r="H97" s="179" t="s">
        <v>2</v>
      </c>
      <c r="I97" s="180" t="s">
        <v>2</v>
      </c>
      <c r="J97" s="121"/>
    </row>
    <row r="98" spans="1:10" ht="15" customHeight="1">
      <c r="A98" s="76"/>
      <c r="B98" s="77"/>
      <c r="C98" s="77" t="s">
        <v>189</v>
      </c>
      <c r="D98" s="179" t="s">
        <v>2</v>
      </c>
      <c r="E98" s="180" t="s">
        <v>2</v>
      </c>
      <c r="F98" s="179" t="s">
        <v>2</v>
      </c>
      <c r="G98" s="180"/>
      <c r="H98" s="179" t="s">
        <v>2</v>
      </c>
      <c r="I98" s="180" t="s">
        <v>2</v>
      </c>
      <c r="J98" s="121"/>
    </row>
    <row r="99" spans="1:10" ht="15" customHeight="1">
      <c r="A99" s="76"/>
      <c r="B99" s="77"/>
      <c r="C99" s="77" t="s">
        <v>190</v>
      </c>
      <c r="D99" s="179"/>
      <c r="E99" s="180"/>
      <c r="F99" s="179"/>
      <c r="G99" s="180"/>
      <c r="H99" s="179"/>
      <c r="I99" s="180"/>
      <c r="J99" s="121"/>
    </row>
    <row r="100" spans="1:10" ht="15" customHeight="1">
      <c r="A100" s="76"/>
      <c r="B100" s="77"/>
      <c r="C100" s="77" t="s">
        <v>187</v>
      </c>
      <c r="D100" s="172" t="s">
        <v>2</v>
      </c>
      <c r="E100" s="173" t="s">
        <v>2</v>
      </c>
      <c r="F100" s="172" t="s">
        <v>2</v>
      </c>
      <c r="G100" s="174"/>
      <c r="H100" s="172" t="s">
        <v>2</v>
      </c>
      <c r="I100" s="174" t="s">
        <v>2</v>
      </c>
      <c r="J100" s="121"/>
    </row>
    <row r="101" spans="1:10" ht="15" customHeight="1">
      <c r="A101" s="76"/>
      <c r="B101" s="77"/>
      <c r="C101" s="77" t="s">
        <v>188</v>
      </c>
      <c r="D101" s="179" t="s">
        <v>2</v>
      </c>
      <c r="E101" s="180" t="s">
        <v>2</v>
      </c>
      <c r="F101" s="179" t="s">
        <v>2</v>
      </c>
      <c r="G101" s="180"/>
      <c r="H101" s="179" t="s">
        <v>2</v>
      </c>
      <c r="I101" s="180" t="s">
        <v>2</v>
      </c>
      <c r="J101" s="121"/>
    </row>
    <row r="102" spans="1:10" ht="15" customHeight="1">
      <c r="A102" s="76"/>
      <c r="B102" s="77"/>
      <c r="C102" s="77" t="s">
        <v>221</v>
      </c>
      <c r="D102" s="179" t="s">
        <v>2</v>
      </c>
      <c r="E102" s="180" t="s">
        <v>2</v>
      </c>
      <c r="F102" s="179" t="s">
        <v>2</v>
      </c>
      <c r="G102" s="180"/>
      <c r="H102" s="179" t="s">
        <v>2</v>
      </c>
      <c r="I102" s="180" t="s">
        <v>2</v>
      </c>
      <c r="J102" s="121"/>
    </row>
    <row r="103" spans="1:10" ht="15" customHeight="1">
      <c r="A103" s="76"/>
      <c r="B103" s="77"/>
      <c r="C103" s="77"/>
      <c r="D103" s="179"/>
      <c r="E103" s="180"/>
      <c r="F103" s="179"/>
      <c r="G103" s="180"/>
      <c r="H103" s="179"/>
      <c r="I103" s="180"/>
      <c r="J103" s="121"/>
    </row>
    <row r="104" spans="1:10" ht="15" customHeight="1">
      <c r="A104" s="76"/>
      <c r="B104" s="90" t="s">
        <v>240</v>
      </c>
      <c r="C104" s="77" t="s">
        <v>191</v>
      </c>
      <c r="D104" s="179" t="s">
        <v>2</v>
      </c>
      <c r="E104" s="180" t="s">
        <v>2</v>
      </c>
      <c r="F104" s="179" t="s">
        <v>2</v>
      </c>
      <c r="G104" s="180"/>
      <c r="H104" s="179" t="s">
        <v>2</v>
      </c>
      <c r="I104" s="180" t="s">
        <v>2</v>
      </c>
      <c r="J104" s="121"/>
    </row>
    <row r="105" spans="1:10" ht="15" customHeight="1">
      <c r="A105" s="76"/>
      <c r="B105" s="78"/>
      <c r="C105" s="77" t="s">
        <v>192</v>
      </c>
      <c r="D105" s="179"/>
      <c r="E105" s="180"/>
      <c r="F105" s="179"/>
      <c r="G105" s="180"/>
      <c r="H105" s="179"/>
      <c r="I105" s="180"/>
      <c r="J105" s="121"/>
    </row>
    <row r="106" spans="1:10" ht="15" customHeight="1">
      <c r="A106" s="76"/>
      <c r="B106" s="77"/>
      <c r="C106" s="90" t="s">
        <v>264</v>
      </c>
      <c r="D106" s="179" t="s">
        <v>2</v>
      </c>
      <c r="E106" s="180" t="s">
        <v>2</v>
      </c>
      <c r="F106" s="179" t="s">
        <v>2</v>
      </c>
      <c r="G106" s="180"/>
      <c r="H106" s="179" t="s">
        <v>2</v>
      </c>
      <c r="I106" s="180" t="s">
        <v>2</v>
      </c>
      <c r="J106" s="121"/>
    </row>
    <row r="107" spans="1:10" ht="15" customHeight="1">
      <c r="A107" s="76"/>
      <c r="B107" s="77"/>
      <c r="C107" s="79"/>
      <c r="D107" s="179"/>
      <c r="E107" s="180"/>
      <c r="F107" s="179"/>
      <c r="G107" s="180"/>
      <c r="H107" s="179"/>
      <c r="I107" s="180"/>
      <c r="J107" s="121"/>
    </row>
    <row r="108" spans="1:10" ht="15" customHeight="1">
      <c r="A108" s="76"/>
      <c r="B108" s="77"/>
      <c r="C108" s="79"/>
      <c r="D108" s="179"/>
      <c r="E108" s="180"/>
      <c r="F108" s="179"/>
      <c r="G108" s="180"/>
      <c r="H108" s="179"/>
      <c r="I108" s="180"/>
      <c r="J108" s="121"/>
    </row>
    <row r="109" spans="1:10" ht="15" customHeight="1">
      <c r="A109" s="76"/>
      <c r="B109" s="77"/>
      <c r="C109" s="79"/>
      <c r="D109" s="179"/>
      <c r="E109" s="180"/>
      <c r="F109" s="179"/>
      <c r="G109" s="180"/>
      <c r="H109" s="179"/>
      <c r="I109" s="180"/>
      <c r="J109" s="121"/>
    </row>
    <row r="110" spans="1:10" ht="15" customHeight="1">
      <c r="A110" s="76"/>
      <c r="B110" s="77"/>
      <c r="C110" s="79"/>
      <c r="D110" s="179"/>
      <c r="E110" s="180"/>
      <c r="F110" s="179"/>
      <c r="G110" s="180"/>
      <c r="H110" s="179"/>
      <c r="I110" s="180"/>
      <c r="J110" s="121"/>
    </row>
    <row r="111" spans="1:10" ht="15" customHeight="1">
      <c r="A111" s="76"/>
      <c r="B111" s="76"/>
      <c r="C111" s="76"/>
      <c r="D111" s="179"/>
      <c r="E111" s="180"/>
      <c r="F111" s="179"/>
      <c r="G111" s="180"/>
      <c r="H111" s="179"/>
      <c r="I111" s="180"/>
      <c r="J111" s="121"/>
    </row>
    <row r="112" spans="1:10" ht="15" customHeight="1">
      <c r="A112" s="80"/>
      <c r="B112" s="80"/>
      <c r="C112" s="80"/>
      <c r="D112" s="181"/>
      <c r="E112" s="182"/>
      <c r="F112" s="181"/>
      <c r="G112" s="182"/>
      <c r="H112" s="181"/>
      <c r="I112" s="182"/>
      <c r="J112" s="122"/>
    </row>
  </sheetData>
  <mergeCells count="14">
    <mergeCell ref="B42:B44"/>
    <mergeCell ref="C42:C44"/>
    <mergeCell ref="D78:E79"/>
    <mergeCell ref="F78:G79"/>
    <mergeCell ref="H78:I79"/>
    <mergeCell ref="D42:E43"/>
    <mergeCell ref="F42:G43"/>
    <mergeCell ref="H42:I43"/>
    <mergeCell ref="J42:J44"/>
    <mergeCell ref="A78:A80"/>
    <mergeCell ref="B78:B80"/>
    <mergeCell ref="C78:C80"/>
    <mergeCell ref="J78:J80"/>
    <mergeCell ref="A42:A44"/>
  </mergeCells>
  <phoneticPr fontId="7"/>
  <pageMargins left="0.59055118110236227" right="0.59055118110236227" top="0.59055118110236227" bottom="0.59055118110236227" header="0.51181102362204722" footer="0.51181102362204722"/>
  <pageSetup paperSize="9" firstPageNumber="12" orientation="landscape" useFirstPageNumber="1" r:id="rId1"/>
  <headerFooter alignWithMargins="0">
    <oddFooter>&amp;C－&amp;P－</oddFooter>
  </headerFooter>
  <rowBreaks count="1" manualBreakCount="1">
    <brk id="76" max="16383" man="1"/>
  </row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112"/>
  <sheetViews>
    <sheetView view="pageBreakPreview" topLeftCell="A28" zoomScaleNormal="100" workbookViewId="0">
      <selection activeCell="A12" sqref="A12"/>
    </sheetView>
  </sheetViews>
  <sheetFormatPr defaultRowHeight="13.2"/>
  <cols>
    <col min="1" max="1" width="4.88671875" customWidth="1"/>
    <col min="2" max="2" width="18.109375" customWidth="1"/>
    <col min="3" max="3" width="61" customWidth="1"/>
    <col min="4" max="6" width="3.6640625" style="175" customWidth="1"/>
    <col min="7" max="7" width="5.6640625" style="175" customWidth="1"/>
    <col min="8" max="9" width="3.6640625" style="175" customWidth="1"/>
    <col min="10" max="10" width="29" style="119" customWidth="1"/>
  </cols>
  <sheetData>
    <row r="2" spans="1:10" ht="13.5" customHeight="1">
      <c r="B2" s="81"/>
      <c r="G2" s="176"/>
    </row>
    <row r="3" spans="1:10" ht="13.5" customHeight="1">
      <c r="B3" s="81"/>
      <c r="G3" s="176"/>
    </row>
    <row r="4" spans="1:10" ht="13.5" customHeight="1">
      <c r="B4" s="81"/>
    </row>
    <row r="5" spans="1:10" ht="13.5" customHeight="1">
      <c r="B5" s="81"/>
    </row>
    <row r="6" spans="1:10" ht="13.5" customHeight="1">
      <c r="B6" s="81"/>
    </row>
    <row r="7" spans="1:10" ht="13.5" customHeight="1">
      <c r="B7" s="81"/>
    </row>
    <row r="8" spans="1:10" ht="13.5" customHeight="1">
      <c r="B8" s="81"/>
    </row>
    <row r="9" spans="1:10" ht="13.5" customHeight="1">
      <c r="B9" s="81"/>
    </row>
    <row r="10" spans="1:10" ht="13.5" customHeight="1">
      <c r="B10" s="81"/>
    </row>
    <row r="11" spans="1:10" ht="25.2">
      <c r="A11" s="82" t="s">
        <v>469</v>
      </c>
      <c r="B11" s="82"/>
      <c r="C11" s="2"/>
      <c r="D11" s="168"/>
      <c r="E11" s="168"/>
      <c r="F11" s="168"/>
      <c r="G11" s="168"/>
      <c r="H11" s="168"/>
      <c r="I11" s="168"/>
      <c r="J11" s="120"/>
    </row>
    <row r="12" spans="1:10" ht="13.5" customHeight="1">
      <c r="B12" s="81"/>
    </row>
    <row r="13" spans="1:10" ht="13.5" customHeight="1">
      <c r="B13" s="81"/>
    </row>
    <row r="14" spans="1:10" ht="13.5" customHeight="1">
      <c r="B14" s="81"/>
    </row>
    <row r="15" spans="1:10" ht="13.5" customHeight="1">
      <c r="B15" s="81"/>
    </row>
    <row r="16" spans="1:10" ht="13.5" customHeight="1">
      <c r="B16" s="81"/>
    </row>
    <row r="17" spans="2:2" ht="13.5" customHeight="1">
      <c r="B17" s="81"/>
    </row>
    <row r="18" spans="2:2" ht="13.5" customHeight="1">
      <c r="B18" s="81"/>
    </row>
    <row r="19" spans="2:2" ht="13.5" customHeight="1">
      <c r="B19" s="81"/>
    </row>
    <row r="20" spans="2:2" ht="13.5" customHeight="1">
      <c r="B20" s="81"/>
    </row>
    <row r="21" spans="2:2" ht="13.5" customHeight="1">
      <c r="B21" s="81"/>
    </row>
    <row r="22" spans="2:2" ht="13.5" customHeight="1">
      <c r="B22" s="81"/>
    </row>
    <row r="23" spans="2:2" ht="13.5" customHeight="1">
      <c r="B23" s="81"/>
    </row>
    <row r="24" spans="2:2" ht="13.5" customHeight="1">
      <c r="B24" s="81"/>
    </row>
    <row r="25" spans="2:2" ht="13.5" customHeight="1">
      <c r="B25" s="81"/>
    </row>
    <row r="26" spans="2:2" ht="13.5" customHeight="1">
      <c r="B26" s="81"/>
    </row>
    <row r="27" spans="2:2" ht="13.5" customHeight="1">
      <c r="B27" s="81"/>
    </row>
    <row r="28" spans="2:2" ht="13.5" customHeight="1">
      <c r="B28" s="81"/>
    </row>
    <row r="29" spans="2:2" ht="13.5" customHeight="1">
      <c r="B29" s="81"/>
    </row>
    <row r="30" spans="2:2" ht="13.5" customHeight="1">
      <c r="B30" s="81"/>
    </row>
    <row r="31" spans="2:2" ht="13.5" customHeight="1">
      <c r="B31" s="81"/>
    </row>
    <row r="32" spans="2:2" ht="13.5" customHeight="1">
      <c r="B32" s="81"/>
    </row>
    <row r="33" spans="1:10" ht="13.5" customHeight="1">
      <c r="B33" s="81"/>
    </row>
    <row r="34" spans="1:10" ht="13.5" customHeight="1">
      <c r="B34" s="81"/>
    </row>
    <row r="35" spans="1:10" ht="13.5" customHeight="1">
      <c r="B35" s="81"/>
    </row>
    <row r="36" spans="1:10" ht="13.5" customHeight="1">
      <c r="B36" s="81"/>
    </row>
    <row r="37" spans="1:10" ht="13.5" customHeight="1">
      <c r="B37" s="81"/>
    </row>
    <row r="38" spans="1:10" ht="13.5" customHeight="1">
      <c r="B38" s="81"/>
    </row>
    <row r="39" spans="1:10" ht="13.5" customHeight="1">
      <c r="B39" s="81"/>
    </row>
    <row r="40" spans="1:10" ht="13.5" customHeight="1">
      <c r="B40" s="81"/>
    </row>
    <row r="41" spans="1:10" ht="25.2">
      <c r="A41" s="83" t="s">
        <v>300</v>
      </c>
      <c r="B41" s="82"/>
      <c r="C41" s="83"/>
      <c r="D41" s="168"/>
      <c r="E41" s="168"/>
      <c r="F41" s="168"/>
      <c r="G41" s="168"/>
      <c r="H41" s="168"/>
      <c r="I41" s="168"/>
      <c r="J41" s="120"/>
    </row>
    <row r="42" spans="1:10" ht="15" customHeight="1">
      <c r="A42" s="286" t="s">
        <v>196</v>
      </c>
      <c r="B42" s="286" t="s">
        <v>197</v>
      </c>
      <c r="C42" s="286" t="s">
        <v>198</v>
      </c>
      <c r="D42" s="282" t="s">
        <v>389</v>
      </c>
      <c r="E42" s="282"/>
      <c r="F42" s="281" t="s">
        <v>390</v>
      </c>
      <c r="G42" s="281"/>
      <c r="H42" s="281" t="s">
        <v>391</v>
      </c>
      <c r="I42" s="281"/>
      <c r="J42" s="283" t="s">
        <v>96</v>
      </c>
    </row>
    <row r="43" spans="1:10" ht="15" customHeight="1">
      <c r="A43" s="287"/>
      <c r="B43" s="287"/>
      <c r="C43" s="287"/>
      <c r="D43" s="282"/>
      <c r="E43" s="282"/>
      <c r="F43" s="281"/>
      <c r="G43" s="281"/>
      <c r="H43" s="281"/>
      <c r="I43" s="281"/>
      <c r="J43" s="284"/>
    </row>
    <row r="44" spans="1:10" ht="15" customHeight="1">
      <c r="A44" s="288"/>
      <c r="B44" s="288"/>
      <c r="C44" s="288"/>
      <c r="D44" s="169" t="s">
        <v>393</v>
      </c>
      <c r="E44" s="170" t="s">
        <v>394</v>
      </c>
      <c r="F44" s="169" t="s">
        <v>395</v>
      </c>
      <c r="G44" s="171" t="s">
        <v>396</v>
      </c>
      <c r="H44" s="169" t="s">
        <v>393</v>
      </c>
      <c r="I44" s="171" t="s">
        <v>394</v>
      </c>
      <c r="J44" s="285"/>
    </row>
    <row r="45" spans="1:10" ht="15" customHeight="1">
      <c r="A45" s="115"/>
      <c r="B45" s="105" t="s">
        <v>226</v>
      </c>
      <c r="C45" s="77" t="s">
        <v>241</v>
      </c>
      <c r="D45" s="177" t="s">
        <v>3</v>
      </c>
      <c r="E45" s="178" t="s">
        <v>2</v>
      </c>
      <c r="F45" s="177" t="s">
        <v>2</v>
      </c>
      <c r="G45" s="178"/>
      <c r="H45" s="177" t="s">
        <v>2</v>
      </c>
      <c r="I45" s="178" t="s">
        <v>2</v>
      </c>
      <c r="J45" s="121"/>
    </row>
    <row r="46" spans="1:10" ht="15" customHeight="1">
      <c r="A46" s="115"/>
      <c r="B46" s="105"/>
      <c r="C46" s="77" t="s">
        <v>242</v>
      </c>
      <c r="D46" s="179" t="s">
        <v>2</v>
      </c>
      <c r="E46" s="180" t="s">
        <v>2</v>
      </c>
      <c r="F46" s="179" t="s">
        <v>2</v>
      </c>
      <c r="G46" s="180"/>
      <c r="H46" s="179" t="s">
        <v>2</v>
      </c>
      <c r="I46" s="180" t="s">
        <v>2</v>
      </c>
      <c r="J46" s="121"/>
    </row>
    <row r="47" spans="1:10" ht="15" customHeight="1">
      <c r="A47" s="115"/>
      <c r="B47" s="105"/>
      <c r="C47" s="77"/>
      <c r="D47" s="179"/>
      <c r="E47" s="180"/>
      <c r="F47" s="179"/>
      <c r="G47" s="180"/>
      <c r="H47" s="179"/>
      <c r="I47" s="180"/>
      <c r="J47" s="121"/>
    </row>
    <row r="48" spans="1:10" ht="15" customHeight="1">
      <c r="A48" s="115"/>
      <c r="B48" s="105" t="s">
        <v>227</v>
      </c>
      <c r="C48" s="77" t="s">
        <v>243</v>
      </c>
      <c r="D48" s="179" t="s">
        <v>2</v>
      </c>
      <c r="E48" s="180" t="s">
        <v>2</v>
      </c>
      <c r="F48" s="179" t="s">
        <v>2</v>
      </c>
      <c r="G48" s="180"/>
      <c r="H48" s="179" t="s">
        <v>2</v>
      </c>
      <c r="I48" s="180" t="s">
        <v>2</v>
      </c>
      <c r="J48" s="121"/>
    </row>
    <row r="49" spans="1:10" ht="15" customHeight="1">
      <c r="A49" s="115"/>
      <c r="B49" s="105"/>
      <c r="C49" s="77"/>
      <c r="D49" s="179"/>
      <c r="E49" s="180"/>
      <c r="F49" s="179"/>
      <c r="G49" s="180"/>
      <c r="H49" s="179"/>
      <c r="I49" s="180"/>
      <c r="J49" s="121"/>
    </row>
    <row r="50" spans="1:10" ht="15" customHeight="1">
      <c r="A50" s="115"/>
      <c r="B50" s="105" t="s">
        <v>228</v>
      </c>
      <c r="C50" s="77" t="s">
        <v>244</v>
      </c>
      <c r="D50" s="179" t="s">
        <v>2</v>
      </c>
      <c r="E50" s="180" t="s">
        <v>2</v>
      </c>
      <c r="F50" s="179" t="s">
        <v>2</v>
      </c>
      <c r="G50" s="180"/>
      <c r="H50" s="179" t="s">
        <v>2</v>
      </c>
      <c r="I50" s="180" t="s">
        <v>2</v>
      </c>
      <c r="J50" s="121"/>
    </row>
    <row r="51" spans="1:10" ht="15" customHeight="1">
      <c r="A51" s="115"/>
      <c r="B51" s="105"/>
      <c r="C51" s="77" t="s">
        <v>245</v>
      </c>
      <c r="D51" s="179" t="s">
        <v>2</v>
      </c>
      <c r="E51" s="180" t="s">
        <v>2</v>
      </c>
      <c r="F51" s="179" t="s">
        <v>2</v>
      </c>
      <c r="G51" s="180"/>
      <c r="H51" s="179" t="s">
        <v>2</v>
      </c>
      <c r="I51" s="180" t="s">
        <v>2</v>
      </c>
      <c r="J51" s="121"/>
    </row>
    <row r="52" spans="1:10" ht="15" customHeight="1">
      <c r="A52" s="115"/>
      <c r="B52" s="105"/>
      <c r="C52" s="77" t="s">
        <v>246</v>
      </c>
      <c r="D52" s="179"/>
      <c r="E52" s="180"/>
      <c r="F52" s="179"/>
      <c r="G52" s="180"/>
      <c r="H52" s="179"/>
      <c r="I52" s="180"/>
      <c r="J52" s="121"/>
    </row>
    <row r="53" spans="1:10" ht="15" customHeight="1">
      <c r="A53" s="115"/>
      <c r="B53" s="105"/>
      <c r="C53" s="77"/>
      <c r="D53" s="179" t="s">
        <v>2</v>
      </c>
      <c r="E53" s="180" t="s">
        <v>2</v>
      </c>
      <c r="F53" s="179" t="s">
        <v>2</v>
      </c>
      <c r="G53" s="180"/>
      <c r="H53" s="179" t="s">
        <v>2</v>
      </c>
      <c r="I53" s="180" t="s">
        <v>2</v>
      </c>
      <c r="J53" s="121"/>
    </row>
    <row r="54" spans="1:10" ht="15" customHeight="1">
      <c r="A54" s="115"/>
      <c r="B54" s="105" t="s">
        <v>229</v>
      </c>
      <c r="C54" s="77" t="s">
        <v>247</v>
      </c>
      <c r="D54" s="179" t="s">
        <v>2</v>
      </c>
      <c r="E54" s="180" t="s">
        <v>2</v>
      </c>
      <c r="F54" s="179" t="s">
        <v>2</v>
      </c>
      <c r="G54" s="180"/>
      <c r="H54" s="179" t="s">
        <v>2</v>
      </c>
      <c r="I54" s="180" t="s">
        <v>2</v>
      </c>
      <c r="J54" s="121"/>
    </row>
    <row r="55" spans="1:10" ht="15" customHeight="1">
      <c r="A55" s="115"/>
      <c r="B55" s="105"/>
      <c r="C55" s="77" t="s">
        <v>248</v>
      </c>
      <c r="D55" s="179" t="s">
        <v>2</v>
      </c>
      <c r="E55" s="180" t="s">
        <v>2</v>
      </c>
      <c r="F55" s="179" t="s">
        <v>2</v>
      </c>
      <c r="G55" s="180"/>
      <c r="H55" s="179" t="s">
        <v>2</v>
      </c>
      <c r="I55" s="180" t="s">
        <v>2</v>
      </c>
      <c r="J55" s="121"/>
    </row>
    <row r="56" spans="1:10" ht="15" customHeight="1">
      <c r="A56" s="115"/>
      <c r="B56" s="105"/>
      <c r="C56" s="77" t="s">
        <v>175</v>
      </c>
      <c r="D56" s="179" t="s">
        <v>2</v>
      </c>
      <c r="E56" s="180" t="s">
        <v>2</v>
      </c>
      <c r="F56" s="179" t="s">
        <v>2</v>
      </c>
      <c r="G56" s="180"/>
      <c r="H56" s="179" t="s">
        <v>2</v>
      </c>
      <c r="I56" s="180" t="s">
        <v>2</v>
      </c>
      <c r="J56" s="121"/>
    </row>
    <row r="57" spans="1:10" ht="15" customHeight="1">
      <c r="A57" s="115"/>
      <c r="B57" s="105"/>
      <c r="C57" s="77" t="s">
        <v>199</v>
      </c>
      <c r="D57" s="179" t="s">
        <v>2</v>
      </c>
      <c r="E57" s="180" t="s">
        <v>2</v>
      </c>
      <c r="F57" s="179" t="s">
        <v>2</v>
      </c>
      <c r="G57" s="180"/>
      <c r="H57" s="179" t="s">
        <v>2</v>
      </c>
      <c r="I57" s="180" t="s">
        <v>2</v>
      </c>
      <c r="J57" s="121"/>
    </row>
    <row r="58" spans="1:10" ht="15" customHeight="1">
      <c r="A58" s="115"/>
      <c r="B58" s="105"/>
      <c r="C58" s="77" t="s">
        <v>177</v>
      </c>
      <c r="D58" s="179"/>
      <c r="E58" s="180"/>
      <c r="F58" s="179"/>
      <c r="G58" s="180"/>
      <c r="H58" s="179"/>
      <c r="I58" s="180"/>
      <c r="J58" s="121"/>
    </row>
    <row r="59" spans="1:10" ht="15" customHeight="1">
      <c r="A59" s="115"/>
      <c r="B59" s="105"/>
      <c r="C59" s="77" t="s">
        <v>249</v>
      </c>
      <c r="D59" s="179" t="s">
        <v>2</v>
      </c>
      <c r="E59" s="180" t="s">
        <v>2</v>
      </c>
      <c r="F59" s="179" t="s">
        <v>2</v>
      </c>
      <c r="G59" s="180"/>
      <c r="H59" s="179" t="s">
        <v>2</v>
      </c>
      <c r="I59" s="180" t="s">
        <v>2</v>
      </c>
      <c r="J59" s="121"/>
    </row>
    <row r="60" spans="1:10" ht="15" customHeight="1">
      <c r="A60" s="115"/>
      <c r="B60" s="105"/>
      <c r="C60" s="77"/>
      <c r="D60" s="179"/>
      <c r="E60" s="180"/>
      <c r="F60" s="179"/>
      <c r="G60" s="180"/>
      <c r="H60" s="179"/>
      <c r="I60" s="180"/>
      <c r="J60" s="121"/>
    </row>
    <row r="61" spans="1:10" ht="15" customHeight="1">
      <c r="A61" s="115"/>
      <c r="B61" s="105" t="s">
        <v>230</v>
      </c>
      <c r="C61" s="77" t="s">
        <v>250</v>
      </c>
      <c r="D61" s="179" t="s">
        <v>2</v>
      </c>
      <c r="E61" s="180" t="s">
        <v>2</v>
      </c>
      <c r="F61" s="179" t="s">
        <v>2</v>
      </c>
      <c r="G61" s="180"/>
      <c r="H61" s="179" t="s">
        <v>2</v>
      </c>
      <c r="I61" s="180" t="s">
        <v>2</v>
      </c>
      <c r="J61" s="121"/>
    </row>
    <row r="62" spans="1:10" ht="15" customHeight="1">
      <c r="A62" s="115"/>
      <c r="B62" s="105"/>
      <c r="C62" s="77"/>
      <c r="D62" s="179"/>
      <c r="E62" s="180"/>
      <c r="F62" s="179"/>
      <c r="G62" s="180"/>
      <c r="H62" s="179"/>
      <c r="I62" s="180"/>
      <c r="J62" s="121"/>
    </row>
    <row r="63" spans="1:10" ht="15" customHeight="1">
      <c r="A63" s="115"/>
      <c r="B63" s="105" t="s">
        <v>231</v>
      </c>
      <c r="C63" s="77" t="s">
        <v>67</v>
      </c>
      <c r="D63" s="179" t="s">
        <v>2</v>
      </c>
      <c r="E63" s="180" t="s">
        <v>2</v>
      </c>
      <c r="F63" s="179" t="s">
        <v>2</v>
      </c>
      <c r="G63" s="180"/>
      <c r="H63" s="179" t="s">
        <v>2</v>
      </c>
      <c r="I63" s="180" t="s">
        <v>2</v>
      </c>
      <c r="J63" s="121"/>
    </row>
    <row r="64" spans="1:10" ht="15" customHeight="1">
      <c r="A64" s="115"/>
      <c r="B64" s="105"/>
      <c r="C64" s="77"/>
      <c r="D64" s="172"/>
      <c r="E64" s="173"/>
      <c r="F64" s="172"/>
      <c r="G64" s="174"/>
      <c r="H64" s="172"/>
      <c r="I64" s="174"/>
      <c r="J64" s="121"/>
    </row>
    <row r="65" spans="1:10" ht="15" customHeight="1">
      <c r="A65" s="115"/>
      <c r="B65" s="105" t="s">
        <v>232</v>
      </c>
      <c r="C65" s="77" t="s">
        <v>251</v>
      </c>
      <c r="D65" s="179" t="s">
        <v>2</v>
      </c>
      <c r="E65" s="180" t="s">
        <v>2</v>
      </c>
      <c r="F65" s="179" t="s">
        <v>2</v>
      </c>
      <c r="G65" s="180"/>
      <c r="H65" s="179" t="s">
        <v>2</v>
      </c>
      <c r="I65" s="180" t="s">
        <v>2</v>
      </c>
      <c r="J65" s="121"/>
    </row>
    <row r="66" spans="1:10" ht="15" customHeight="1">
      <c r="A66" s="115"/>
      <c r="B66" s="105"/>
      <c r="C66" s="77" t="s">
        <v>200</v>
      </c>
      <c r="D66" s="179"/>
      <c r="E66" s="180"/>
      <c r="F66" s="179"/>
      <c r="G66" s="180"/>
      <c r="H66" s="179"/>
      <c r="I66" s="180"/>
      <c r="J66" s="121"/>
    </row>
    <row r="67" spans="1:10" ht="15" customHeight="1">
      <c r="A67" s="115"/>
      <c r="B67" s="105"/>
      <c r="C67" s="77" t="s">
        <v>252</v>
      </c>
      <c r="D67" s="179" t="s">
        <v>2</v>
      </c>
      <c r="E67" s="180" t="s">
        <v>2</v>
      </c>
      <c r="F67" s="179" t="s">
        <v>2</v>
      </c>
      <c r="G67" s="180"/>
      <c r="H67" s="179" t="s">
        <v>2</v>
      </c>
      <c r="I67" s="180" t="s">
        <v>2</v>
      </c>
      <c r="J67" s="121"/>
    </row>
    <row r="68" spans="1:10" ht="15" customHeight="1">
      <c r="A68" s="115"/>
      <c r="B68" s="105"/>
      <c r="C68" s="77"/>
      <c r="D68" s="179"/>
      <c r="E68" s="180"/>
      <c r="F68" s="179"/>
      <c r="G68" s="180"/>
      <c r="H68" s="179"/>
      <c r="I68" s="180"/>
      <c r="J68" s="121"/>
    </row>
    <row r="69" spans="1:10" ht="15" customHeight="1">
      <c r="A69" s="115"/>
      <c r="B69" s="105" t="s">
        <v>107</v>
      </c>
      <c r="C69" s="77" t="s">
        <v>253</v>
      </c>
      <c r="D69" s="179" t="s">
        <v>2</v>
      </c>
      <c r="E69" s="180" t="s">
        <v>2</v>
      </c>
      <c r="F69" s="179" t="s">
        <v>2</v>
      </c>
      <c r="G69" s="180"/>
      <c r="H69" s="179" t="s">
        <v>2</v>
      </c>
      <c r="I69" s="180" t="s">
        <v>2</v>
      </c>
      <c r="J69" s="121"/>
    </row>
    <row r="70" spans="1:10" ht="15" customHeight="1">
      <c r="A70" s="115"/>
      <c r="B70" s="105"/>
      <c r="C70" s="77"/>
      <c r="D70" s="179"/>
      <c r="E70" s="180"/>
      <c r="F70" s="179"/>
      <c r="G70" s="180"/>
      <c r="H70" s="179"/>
      <c r="I70" s="180"/>
      <c r="J70" s="121"/>
    </row>
    <row r="71" spans="1:10" ht="15" customHeight="1">
      <c r="A71" s="115"/>
      <c r="B71" s="105" t="s">
        <v>229</v>
      </c>
      <c r="C71" s="77" t="s">
        <v>254</v>
      </c>
      <c r="D71" s="179" t="s">
        <v>2</v>
      </c>
      <c r="E71" s="180" t="s">
        <v>2</v>
      </c>
      <c r="F71" s="179" t="s">
        <v>2</v>
      </c>
      <c r="G71" s="180"/>
      <c r="H71" s="179" t="s">
        <v>2</v>
      </c>
      <c r="I71" s="180" t="s">
        <v>2</v>
      </c>
      <c r="J71" s="121"/>
    </row>
    <row r="72" spans="1:10" ht="15" customHeight="1">
      <c r="A72" s="115"/>
      <c r="B72" s="105"/>
      <c r="C72" s="77"/>
      <c r="D72" s="179"/>
      <c r="E72" s="180"/>
      <c r="F72" s="179"/>
      <c r="G72" s="180"/>
      <c r="H72" s="179"/>
      <c r="I72" s="180"/>
      <c r="J72" s="121"/>
    </row>
    <row r="73" spans="1:10" ht="15" customHeight="1">
      <c r="A73" s="115"/>
      <c r="B73" s="111" t="s">
        <v>108</v>
      </c>
      <c r="C73" s="77" t="s">
        <v>255</v>
      </c>
      <c r="D73" s="179" t="s">
        <v>2</v>
      </c>
      <c r="E73" s="180" t="s">
        <v>2</v>
      </c>
      <c r="F73" s="179" t="s">
        <v>2</v>
      </c>
      <c r="G73" s="180"/>
      <c r="H73" s="179" t="s">
        <v>2</v>
      </c>
      <c r="I73" s="180" t="s">
        <v>2</v>
      </c>
      <c r="J73" s="121"/>
    </row>
    <row r="74" spans="1:10" ht="15" customHeight="1">
      <c r="A74" s="115"/>
      <c r="B74" s="107"/>
      <c r="C74" s="77" t="s">
        <v>317</v>
      </c>
      <c r="D74" s="179"/>
      <c r="E74" s="180"/>
      <c r="F74" s="179"/>
      <c r="G74" s="180"/>
      <c r="H74" s="179"/>
      <c r="I74" s="180"/>
      <c r="J74" s="121"/>
    </row>
    <row r="75" spans="1:10" ht="15" customHeight="1">
      <c r="A75" s="115"/>
      <c r="B75" s="107"/>
      <c r="C75" s="77" t="s">
        <v>256</v>
      </c>
      <c r="D75" s="179" t="s">
        <v>2</v>
      </c>
      <c r="E75" s="180" t="s">
        <v>2</v>
      </c>
      <c r="F75" s="179" t="s">
        <v>2</v>
      </c>
      <c r="G75" s="180"/>
      <c r="H75" s="179" t="s">
        <v>2</v>
      </c>
      <c r="I75" s="180" t="s">
        <v>2</v>
      </c>
      <c r="J75" s="121"/>
    </row>
    <row r="76" spans="1:10" ht="15" customHeight="1">
      <c r="A76" s="114"/>
      <c r="B76" s="113"/>
      <c r="C76" s="183" t="s">
        <v>305</v>
      </c>
      <c r="D76" s="181" t="s">
        <v>2</v>
      </c>
      <c r="E76" s="182" t="s">
        <v>2</v>
      </c>
      <c r="F76" s="181" t="s">
        <v>2</v>
      </c>
      <c r="G76" s="182"/>
      <c r="H76" s="181" t="s">
        <v>2</v>
      </c>
      <c r="I76" s="182" t="s">
        <v>2</v>
      </c>
      <c r="J76" s="122"/>
    </row>
    <row r="77" spans="1:10" ht="25.2">
      <c r="A77" s="83" t="s">
        <v>300</v>
      </c>
      <c r="B77" s="82"/>
      <c r="C77" s="83"/>
      <c r="D77" s="168"/>
      <c r="E77" s="168"/>
      <c r="F77" s="168"/>
      <c r="G77" s="168"/>
      <c r="H77" s="168"/>
      <c r="I77" s="168"/>
      <c r="J77" s="120"/>
    </row>
    <row r="78" spans="1:10" ht="15" customHeight="1">
      <c r="A78" s="286" t="s">
        <v>196</v>
      </c>
      <c r="B78" s="289" t="s">
        <v>197</v>
      </c>
      <c r="C78" s="286" t="s">
        <v>198</v>
      </c>
      <c r="D78" s="282" t="s">
        <v>389</v>
      </c>
      <c r="E78" s="282"/>
      <c r="F78" s="281" t="s">
        <v>390</v>
      </c>
      <c r="G78" s="281"/>
      <c r="H78" s="281" t="s">
        <v>391</v>
      </c>
      <c r="I78" s="281"/>
      <c r="J78" s="283" t="s">
        <v>96</v>
      </c>
    </row>
    <row r="79" spans="1:10" ht="15" customHeight="1">
      <c r="A79" s="287"/>
      <c r="B79" s="290"/>
      <c r="C79" s="287"/>
      <c r="D79" s="282"/>
      <c r="E79" s="282"/>
      <c r="F79" s="281"/>
      <c r="G79" s="281"/>
      <c r="H79" s="281"/>
      <c r="I79" s="281"/>
      <c r="J79" s="284"/>
    </row>
    <row r="80" spans="1:10" ht="15" customHeight="1">
      <c r="A80" s="288"/>
      <c r="B80" s="291"/>
      <c r="C80" s="288"/>
      <c r="D80" s="169" t="s">
        <v>393</v>
      </c>
      <c r="E80" s="170" t="s">
        <v>394</v>
      </c>
      <c r="F80" s="169" t="s">
        <v>395</v>
      </c>
      <c r="G80" s="171" t="s">
        <v>396</v>
      </c>
      <c r="H80" s="169" t="s">
        <v>393</v>
      </c>
      <c r="I80" s="171" t="s">
        <v>394</v>
      </c>
      <c r="J80" s="285"/>
    </row>
    <row r="81" spans="1:10" ht="15" customHeight="1">
      <c r="A81" s="115"/>
      <c r="B81" s="87"/>
      <c r="C81" s="77" t="s">
        <v>257</v>
      </c>
      <c r="D81" s="177" t="s">
        <v>3</v>
      </c>
      <c r="E81" s="178" t="s">
        <v>2</v>
      </c>
      <c r="F81" s="177" t="s">
        <v>2</v>
      </c>
      <c r="G81" s="178"/>
      <c r="H81" s="177" t="s">
        <v>2</v>
      </c>
      <c r="I81" s="178" t="s">
        <v>2</v>
      </c>
      <c r="J81" s="121"/>
    </row>
    <row r="82" spans="1:10" ht="15" customHeight="1">
      <c r="A82" s="115"/>
      <c r="B82" s="87"/>
      <c r="C82" s="77" t="s">
        <v>258</v>
      </c>
      <c r="D82" s="179" t="s">
        <v>2</v>
      </c>
      <c r="E82" s="180" t="s">
        <v>2</v>
      </c>
      <c r="F82" s="179" t="s">
        <v>2</v>
      </c>
      <c r="G82" s="180"/>
      <c r="H82" s="179" t="s">
        <v>2</v>
      </c>
      <c r="I82" s="180" t="s">
        <v>2</v>
      </c>
      <c r="J82" s="121"/>
    </row>
    <row r="83" spans="1:10" ht="15" customHeight="1">
      <c r="A83" s="115"/>
      <c r="B83" s="87"/>
      <c r="C83" s="77" t="s">
        <v>259</v>
      </c>
      <c r="D83" s="179" t="s">
        <v>2</v>
      </c>
      <c r="E83" s="180" t="s">
        <v>2</v>
      </c>
      <c r="F83" s="179" t="s">
        <v>2</v>
      </c>
      <c r="G83" s="180"/>
      <c r="H83" s="179" t="s">
        <v>2</v>
      </c>
      <c r="I83" s="180" t="s">
        <v>2</v>
      </c>
      <c r="J83" s="121"/>
    </row>
    <row r="84" spans="1:10" ht="15" customHeight="1">
      <c r="A84" s="115"/>
      <c r="B84" s="87"/>
      <c r="C84" s="77" t="s">
        <v>260</v>
      </c>
      <c r="D84" s="179" t="s">
        <v>2</v>
      </c>
      <c r="E84" s="180" t="s">
        <v>2</v>
      </c>
      <c r="F84" s="179" t="s">
        <v>2</v>
      </c>
      <c r="G84" s="180"/>
      <c r="H84" s="179" t="s">
        <v>2</v>
      </c>
      <c r="I84" s="180" t="s">
        <v>2</v>
      </c>
      <c r="J84" s="121"/>
    </row>
    <row r="85" spans="1:10" ht="15" customHeight="1">
      <c r="A85" s="115"/>
      <c r="B85" s="87"/>
      <c r="C85" s="77" t="s">
        <v>201</v>
      </c>
      <c r="D85" s="179"/>
      <c r="E85" s="180"/>
      <c r="F85" s="179"/>
      <c r="G85" s="180"/>
      <c r="H85" s="179"/>
      <c r="I85" s="180"/>
      <c r="J85" s="121"/>
    </row>
    <row r="86" spans="1:10" ht="15" customHeight="1">
      <c r="A86" s="115"/>
      <c r="B86" s="87"/>
      <c r="C86" s="77" t="s">
        <v>261</v>
      </c>
      <c r="D86" s="179"/>
      <c r="E86" s="180"/>
      <c r="F86" s="179"/>
      <c r="G86" s="180"/>
      <c r="H86" s="179"/>
      <c r="I86" s="180"/>
      <c r="J86" s="121"/>
    </row>
    <row r="87" spans="1:10" ht="15" customHeight="1">
      <c r="A87" s="115"/>
      <c r="B87" s="87"/>
      <c r="C87" s="77" t="s">
        <v>181</v>
      </c>
      <c r="D87" s="179" t="s">
        <v>2</v>
      </c>
      <c r="E87" s="180" t="s">
        <v>2</v>
      </c>
      <c r="F87" s="179" t="s">
        <v>2</v>
      </c>
      <c r="G87" s="180"/>
      <c r="H87" s="179" t="s">
        <v>2</v>
      </c>
      <c r="I87" s="180" t="s">
        <v>2</v>
      </c>
      <c r="J87" s="121"/>
    </row>
    <row r="88" spans="1:10" ht="15" customHeight="1">
      <c r="A88" s="115"/>
      <c r="B88" s="87"/>
      <c r="C88" s="77" t="s">
        <v>182</v>
      </c>
      <c r="D88" s="179" t="s">
        <v>2</v>
      </c>
      <c r="E88" s="180" t="s">
        <v>2</v>
      </c>
      <c r="F88" s="179" t="s">
        <v>2</v>
      </c>
      <c r="G88" s="180"/>
      <c r="H88" s="179" t="s">
        <v>2</v>
      </c>
      <c r="I88" s="180" t="s">
        <v>2</v>
      </c>
      <c r="J88" s="121"/>
    </row>
    <row r="89" spans="1:10" ht="15" customHeight="1">
      <c r="A89" s="115"/>
      <c r="B89" s="87"/>
      <c r="C89" s="77" t="s">
        <v>183</v>
      </c>
      <c r="D89" s="179" t="s">
        <v>2</v>
      </c>
      <c r="E89" s="180" t="s">
        <v>2</v>
      </c>
      <c r="F89" s="179" t="s">
        <v>2</v>
      </c>
      <c r="G89" s="180"/>
      <c r="H89" s="179" t="s">
        <v>2</v>
      </c>
      <c r="I89" s="180" t="s">
        <v>2</v>
      </c>
      <c r="J89" s="121"/>
    </row>
    <row r="90" spans="1:10" ht="15" customHeight="1">
      <c r="A90" s="115"/>
      <c r="B90" s="87"/>
      <c r="C90" s="77" t="s">
        <v>262</v>
      </c>
      <c r="D90" s="179" t="s">
        <v>2</v>
      </c>
      <c r="E90" s="180" t="s">
        <v>2</v>
      </c>
      <c r="F90" s="179" t="s">
        <v>2</v>
      </c>
      <c r="G90" s="180"/>
      <c r="H90" s="179" t="s">
        <v>2</v>
      </c>
      <c r="I90" s="180" t="s">
        <v>2</v>
      </c>
      <c r="J90" s="121"/>
    </row>
    <row r="91" spans="1:10" ht="15" customHeight="1">
      <c r="A91" s="115"/>
      <c r="B91" s="87"/>
      <c r="C91" s="77" t="s">
        <v>202</v>
      </c>
      <c r="D91" s="179"/>
      <c r="E91" s="180"/>
      <c r="F91" s="179"/>
      <c r="G91" s="180"/>
      <c r="H91" s="179"/>
      <c r="I91" s="180"/>
      <c r="J91" s="121"/>
    </row>
    <row r="92" spans="1:10" ht="15" customHeight="1">
      <c r="A92" s="115"/>
      <c r="B92" s="87"/>
      <c r="C92" s="77" t="s">
        <v>203</v>
      </c>
      <c r="D92" s="179"/>
      <c r="E92" s="180"/>
      <c r="F92" s="179"/>
      <c r="G92" s="180"/>
      <c r="H92" s="179"/>
      <c r="I92" s="180"/>
      <c r="J92" s="121"/>
    </row>
    <row r="93" spans="1:10" ht="15" customHeight="1">
      <c r="A93" s="115"/>
      <c r="B93" s="87"/>
      <c r="C93" s="77" t="s">
        <v>186</v>
      </c>
      <c r="D93" s="179" t="s">
        <v>2</v>
      </c>
      <c r="E93" s="180" t="s">
        <v>2</v>
      </c>
      <c r="F93" s="179" t="s">
        <v>2</v>
      </c>
      <c r="G93" s="180"/>
      <c r="H93" s="179" t="s">
        <v>2</v>
      </c>
      <c r="I93" s="180" t="s">
        <v>2</v>
      </c>
      <c r="J93" s="121"/>
    </row>
    <row r="94" spans="1:10" ht="15" customHeight="1">
      <c r="A94" s="115"/>
      <c r="B94" s="87"/>
      <c r="C94" s="77" t="s">
        <v>189</v>
      </c>
      <c r="D94" s="179" t="s">
        <v>2</v>
      </c>
      <c r="E94" s="180" t="s">
        <v>2</v>
      </c>
      <c r="F94" s="179" t="s">
        <v>2</v>
      </c>
      <c r="G94" s="180"/>
      <c r="H94" s="179" t="s">
        <v>2</v>
      </c>
      <c r="I94" s="180" t="s">
        <v>2</v>
      </c>
      <c r="J94" s="121"/>
    </row>
    <row r="95" spans="1:10" ht="15" customHeight="1">
      <c r="A95" s="115"/>
      <c r="B95" s="87"/>
      <c r="C95" s="77" t="s">
        <v>204</v>
      </c>
      <c r="D95" s="179"/>
      <c r="E95" s="180"/>
      <c r="F95" s="179"/>
      <c r="G95" s="180"/>
      <c r="H95" s="179"/>
      <c r="I95" s="180"/>
      <c r="J95" s="121"/>
    </row>
    <row r="96" spans="1:10" ht="15" customHeight="1">
      <c r="A96" s="115"/>
      <c r="B96" s="87"/>
      <c r="C96" s="77" t="s">
        <v>187</v>
      </c>
      <c r="D96" s="179" t="s">
        <v>2</v>
      </c>
      <c r="E96" s="180" t="s">
        <v>2</v>
      </c>
      <c r="F96" s="179" t="s">
        <v>2</v>
      </c>
      <c r="G96" s="180"/>
      <c r="H96" s="179" t="s">
        <v>2</v>
      </c>
      <c r="I96" s="180" t="s">
        <v>2</v>
      </c>
      <c r="J96" s="121"/>
    </row>
    <row r="97" spans="1:10" ht="15" customHeight="1">
      <c r="A97" s="115"/>
      <c r="B97" s="87"/>
      <c r="C97" s="77" t="s">
        <v>188</v>
      </c>
      <c r="D97" s="179" t="s">
        <v>2</v>
      </c>
      <c r="E97" s="180" t="s">
        <v>2</v>
      </c>
      <c r="F97" s="179" t="s">
        <v>2</v>
      </c>
      <c r="G97" s="180"/>
      <c r="H97" s="179" t="s">
        <v>2</v>
      </c>
      <c r="I97" s="180" t="s">
        <v>2</v>
      </c>
      <c r="J97" s="121"/>
    </row>
    <row r="98" spans="1:10" ht="15" customHeight="1">
      <c r="A98" s="115"/>
      <c r="B98" s="87"/>
      <c r="C98" s="77"/>
      <c r="D98" s="179"/>
      <c r="E98" s="180"/>
      <c r="F98" s="179"/>
      <c r="G98" s="180"/>
      <c r="H98" s="179"/>
      <c r="I98" s="180"/>
      <c r="J98" s="121"/>
    </row>
    <row r="99" spans="1:10" ht="15" customHeight="1">
      <c r="A99" s="115"/>
      <c r="B99" s="111" t="s">
        <v>240</v>
      </c>
      <c r="C99" s="77" t="s">
        <v>263</v>
      </c>
      <c r="D99" s="179" t="s">
        <v>2</v>
      </c>
      <c r="E99" s="180" t="s">
        <v>2</v>
      </c>
      <c r="F99" s="179" t="s">
        <v>2</v>
      </c>
      <c r="G99" s="180"/>
      <c r="H99" s="179" t="s">
        <v>2</v>
      </c>
      <c r="I99" s="180" t="s">
        <v>2</v>
      </c>
      <c r="J99" s="121"/>
    </row>
    <row r="100" spans="1:10" ht="15" customHeight="1">
      <c r="A100" s="115"/>
      <c r="B100" s="87"/>
      <c r="C100" s="77" t="s">
        <v>264</v>
      </c>
      <c r="D100" s="172" t="s">
        <v>2</v>
      </c>
      <c r="E100" s="173" t="s">
        <v>2</v>
      </c>
      <c r="F100" s="172" t="s">
        <v>2</v>
      </c>
      <c r="G100" s="174"/>
      <c r="H100" s="172" t="s">
        <v>2</v>
      </c>
      <c r="I100" s="174" t="s">
        <v>2</v>
      </c>
      <c r="J100" s="121"/>
    </row>
    <row r="101" spans="1:10" ht="15" customHeight="1">
      <c r="A101" s="115"/>
      <c r="B101" s="87"/>
      <c r="C101" s="77" t="s">
        <v>205</v>
      </c>
      <c r="D101" s="179" t="s">
        <v>2</v>
      </c>
      <c r="E101" s="180" t="s">
        <v>2</v>
      </c>
      <c r="F101" s="179" t="s">
        <v>2</v>
      </c>
      <c r="G101" s="180"/>
      <c r="H101" s="179" t="s">
        <v>2</v>
      </c>
      <c r="I101" s="180" t="s">
        <v>2</v>
      </c>
      <c r="J101" s="121"/>
    </row>
    <row r="102" spans="1:10" ht="15" customHeight="1">
      <c r="A102" s="115"/>
      <c r="B102" s="87"/>
      <c r="C102" s="77" t="s">
        <v>206</v>
      </c>
      <c r="D102" s="179"/>
      <c r="E102" s="180"/>
      <c r="F102" s="179"/>
      <c r="G102" s="180"/>
      <c r="H102" s="179"/>
      <c r="I102" s="180"/>
      <c r="J102" s="121"/>
    </row>
    <row r="103" spans="1:10" ht="15" customHeight="1">
      <c r="A103" s="115"/>
      <c r="B103" s="87"/>
      <c r="C103" s="90" t="s">
        <v>306</v>
      </c>
      <c r="D103" s="179" t="s">
        <v>2</v>
      </c>
      <c r="E103" s="180" t="s">
        <v>2</v>
      </c>
      <c r="F103" s="179" t="s">
        <v>2</v>
      </c>
      <c r="G103" s="180"/>
      <c r="H103" s="179" t="s">
        <v>2</v>
      </c>
      <c r="I103" s="180" t="s">
        <v>2</v>
      </c>
      <c r="J103" s="121"/>
    </row>
    <row r="104" spans="1:10" ht="15" customHeight="1">
      <c r="A104" s="115"/>
      <c r="B104" s="87"/>
      <c r="C104" s="77" t="s">
        <v>174</v>
      </c>
      <c r="D104" s="179"/>
      <c r="E104" s="180"/>
      <c r="F104" s="179"/>
      <c r="G104" s="180"/>
      <c r="H104" s="179"/>
      <c r="I104" s="180"/>
      <c r="J104" s="121"/>
    </row>
    <row r="105" spans="1:10" ht="15" customHeight="1">
      <c r="A105" s="115"/>
      <c r="B105" s="87"/>
      <c r="C105" s="77"/>
      <c r="D105" s="179"/>
      <c r="E105" s="180"/>
      <c r="F105" s="179"/>
      <c r="G105" s="180"/>
      <c r="H105" s="179"/>
      <c r="I105" s="180"/>
      <c r="J105" s="121"/>
    </row>
    <row r="106" spans="1:10" ht="15" customHeight="1">
      <c r="A106" s="115"/>
      <c r="B106" s="107"/>
      <c r="C106" s="77"/>
      <c r="D106" s="179"/>
      <c r="E106" s="180"/>
      <c r="F106" s="179"/>
      <c r="G106" s="180"/>
      <c r="H106" s="179"/>
      <c r="I106" s="180"/>
      <c r="J106" s="121"/>
    </row>
    <row r="107" spans="1:10" ht="15" customHeight="1">
      <c r="A107" s="115"/>
      <c r="B107" s="90"/>
      <c r="C107" s="77"/>
      <c r="D107" s="179"/>
      <c r="E107" s="180"/>
      <c r="F107" s="179"/>
      <c r="G107" s="180"/>
      <c r="H107" s="179"/>
      <c r="I107" s="180"/>
      <c r="J107" s="121"/>
    </row>
    <row r="108" spans="1:10" ht="15" customHeight="1">
      <c r="A108" s="115"/>
      <c r="B108" s="77"/>
      <c r="C108" s="90"/>
      <c r="D108" s="179"/>
      <c r="E108" s="180"/>
      <c r="F108" s="179"/>
      <c r="G108" s="180"/>
      <c r="H108" s="179"/>
      <c r="I108" s="180"/>
      <c r="J108" s="121"/>
    </row>
    <row r="109" spans="1:10" ht="15" customHeight="1">
      <c r="A109" s="115"/>
      <c r="B109" s="77"/>
      <c r="C109" s="90"/>
      <c r="D109" s="179"/>
      <c r="E109" s="180"/>
      <c r="F109" s="179"/>
      <c r="G109" s="180"/>
      <c r="H109" s="179"/>
      <c r="I109" s="180"/>
      <c r="J109" s="121"/>
    </row>
    <row r="110" spans="1:10" ht="15" customHeight="1">
      <c r="A110" s="115"/>
      <c r="B110" s="115"/>
      <c r="C110" s="115"/>
      <c r="D110" s="179"/>
      <c r="E110" s="180"/>
      <c r="F110" s="179"/>
      <c r="G110" s="180"/>
      <c r="H110" s="179"/>
      <c r="I110" s="180"/>
      <c r="J110" s="121"/>
    </row>
    <row r="111" spans="1:10" ht="15" customHeight="1">
      <c r="A111" s="115"/>
      <c r="B111" s="115"/>
      <c r="C111" s="115"/>
      <c r="D111" s="179"/>
      <c r="E111" s="180"/>
      <c r="F111" s="179"/>
      <c r="G111" s="180"/>
      <c r="H111" s="179"/>
      <c r="I111" s="180"/>
      <c r="J111" s="121"/>
    </row>
    <row r="112" spans="1:10" ht="15" customHeight="1">
      <c r="A112" s="114"/>
      <c r="B112" s="114"/>
      <c r="C112" s="114"/>
      <c r="D112" s="181"/>
      <c r="E112" s="182"/>
      <c r="F112" s="181"/>
      <c r="G112" s="182"/>
      <c r="H112" s="181"/>
      <c r="I112" s="182"/>
      <c r="J112" s="122"/>
    </row>
  </sheetData>
  <mergeCells count="14">
    <mergeCell ref="A78:A80"/>
    <mergeCell ref="B78:B80"/>
    <mergeCell ref="C78:C80"/>
    <mergeCell ref="A42:A44"/>
    <mergeCell ref="B42:B44"/>
    <mergeCell ref="C42:C44"/>
    <mergeCell ref="D78:E79"/>
    <mergeCell ref="F78:G79"/>
    <mergeCell ref="H78:I79"/>
    <mergeCell ref="J78:J80"/>
    <mergeCell ref="D42:E43"/>
    <mergeCell ref="F42:G43"/>
    <mergeCell ref="H42:I43"/>
    <mergeCell ref="J42:J44"/>
  </mergeCells>
  <phoneticPr fontId="7"/>
  <pageMargins left="0.59055118110236227" right="0.59055118110236227" top="0.59055118110236227" bottom="0.59055118110236227" header="0.51181102362204722" footer="0.51181102362204722"/>
  <pageSetup paperSize="9" firstPageNumber="15" orientation="landscape" useFirstPageNumber="1" r:id="rId1"/>
  <headerFooter alignWithMargins="0">
    <oddFooter>&amp;C－&amp;P－</oddFooter>
  </headerFooter>
  <rowBreaks count="2" manualBreakCount="2">
    <brk id="40" max="16383" man="1"/>
    <brk id="76" max="16383" man="1"/>
  </row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J183"/>
  <sheetViews>
    <sheetView view="pageBreakPreview" topLeftCell="A94" zoomScaleNormal="100" workbookViewId="0">
      <selection activeCell="A12" sqref="A12"/>
    </sheetView>
  </sheetViews>
  <sheetFormatPr defaultRowHeight="13.2"/>
  <cols>
    <col min="1" max="1" width="4.88671875" customWidth="1"/>
    <col min="2" max="2" width="18.109375" customWidth="1"/>
    <col min="3" max="3" width="61" customWidth="1"/>
    <col min="4" max="6" width="3.6640625" style="175" customWidth="1"/>
    <col min="7" max="7" width="5.6640625" style="175" customWidth="1"/>
    <col min="8" max="9" width="3.6640625" style="175" customWidth="1"/>
    <col min="10" max="10" width="29" style="119" customWidth="1"/>
  </cols>
  <sheetData>
    <row r="2" spans="1:10" ht="13.5" customHeight="1">
      <c r="B2" s="81"/>
      <c r="G2" s="176"/>
    </row>
    <row r="3" spans="1:10" ht="13.5" customHeight="1">
      <c r="B3" s="81"/>
      <c r="G3" s="176"/>
    </row>
    <row r="4" spans="1:10" ht="13.5" customHeight="1">
      <c r="B4" s="81"/>
    </row>
    <row r="5" spans="1:10" ht="13.5" customHeight="1">
      <c r="B5" s="81"/>
    </row>
    <row r="6" spans="1:10" ht="13.5" customHeight="1">
      <c r="B6" s="81"/>
    </row>
    <row r="7" spans="1:10" ht="13.5" customHeight="1">
      <c r="B7" s="81"/>
    </row>
    <row r="8" spans="1:10" ht="13.5" customHeight="1">
      <c r="B8" s="81"/>
    </row>
    <row r="9" spans="1:10" ht="13.5" customHeight="1">
      <c r="B9" s="81"/>
    </row>
    <row r="10" spans="1:10" ht="13.5" customHeight="1">
      <c r="B10" s="81"/>
    </row>
    <row r="11" spans="1:10" ht="25.2">
      <c r="A11" s="82" t="s">
        <v>470</v>
      </c>
      <c r="B11" s="82"/>
      <c r="C11" s="2"/>
      <c r="D11" s="168"/>
      <c r="E11" s="168"/>
      <c r="F11" s="168"/>
      <c r="G11" s="168"/>
      <c r="H11" s="168"/>
      <c r="I11" s="168"/>
      <c r="J11" s="120"/>
    </row>
    <row r="12" spans="1:10" ht="13.5" customHeight="1">
      <c r="B12" s="81"/>
    </row>
    <row r="13" spans="1:10" ht="25.2">
      <c r="A13" s="88" t="s">
        <v>207</v>
      </c>
      <c r="B13" s="82"/>
      <c r="C13" s="2"/>
      <c r="D13" s="168"/>
      <c r="E13" s="168"/>
      <c r="F13" s="168"/>
      <c r="G13" s="168"/>
      <c r="H13" s="168"/>
      <c r="I13" s="168"/>
      <c r="J13" s="120"/>
    </row>
    <row r="14" spans="1:10" ht="13.5" customHeight="1">
      <c r="B14" s="81"/>
    </row>
    <row r="15" spans="1:10" ht="13.5" customHeight="1">
      <c r="B15" s="81"/>
    </row>
    <row r="16" spans="1:10" ht="13.5" customHeight="1">
      <c r="B16" s="81"/>
    </row>
    <row r="17" spans="2:2" ht="13.5" customHeight="1">
      <c r="B17" s="81"/>
    </row>
    <row r="18" spans="2:2" ht="13.5" customHeight="1">
      <c r="B18" s="81"/>
    </row>
    <row r="19" spans="2:2" ht="13.5" customHeight="1">
      <c r="B19" s="81"/>
    </row>
    <row r="20" spans="2:2" ht="13.5" customHeight="1">
      <c r="B20" s="81"/>
    </row>
    <row r="21" spans="2:2" ht="13.5" customHeight="1">
      <c r="B21" s="81"/>
    </row>
    <row r="22" spans="2:2" ht="13.5" customHeight="1">
      <c r="B22" s="81"/>
    </row>
    <row r="23" spans="2:2" ht="13.5" customHeight="1">
      <c r="B23" s="81"/>
    </row>
    <row r="24" spans="2:2" ht="13.5" customHeight="1">
      <c r="B24" s="81"/>
    </row>
    <row r="25" spans="2:2" ht="13.5" customHeight="1">
      <c r="B25" s="81"/>
    </row>
    <row r="26" spans="2:2" ht="13.5" customHeight="1">
      <c r="B26" s="81"/>
    </row>
    <row r="27" spans="2:2" ht="13.5" customHeight="1">
      <c r="B27" s="81"/>
    </row>
    <row r="28" spans="2:2" ht="13.5" customHeight="1">
      <c r="B28" s="81"/>
    </row>
    <row r="29" spans="2:2" ht="13.5" customHeight="1">
      <c r="B29" s="81"/>
    </row>
    <row r="30" spans="2:2" ht="13.5" customHeight="1">
      <c r="B30" s="81"/>
    </row>
    <row r="31" spans="2:2" ht="13.5" customHeight="1">
      <c r="B31" s="81"/>
    </row>
    <row r="32" spans="2:2" ht="13.5" customHeight="1">
      <c r="B32" s="81"/>
    </row>
    <row r="33" spans="1:10" ht="13.5" customHeight="1">
      <c r="B33" s="81"/>
    </row>
    <row r="34" spans="1:10" ht="13.5" customHeight="1">
      <c r="B34" s="81"/>
    </row>
    <row r="35" spans="1:10" ht="13.5" customHeight="1">
      <c r="B35" s="81"/>
    </row>
    <row r="36" spans="1:10" ht="13.5" customHeight="1">
      <c r="B36" s="81"/>
    </row>
    <row r="37" spans="1:10" ht="13.5" customHeight="1">
      <c r="B37" s="81"/>
    </row>
    <row r="38" spans="1:10" ht="13.5" customHeight="1">
      <c r="B38" s="81"/>
    </row>
    <row r="39" spans="1:10" ht="13.5" customHeight="1">
      <c r="B39" s="81"/>
    </row>
    <row r="40" spans="1:10" ht="25.2">
      <c r="A40" s="83" t="s">
        <v>300</v>
      </c>
      <c r="B40" s="82"/>
      <c r="C40" s="83"/>
      <c r="D40" s="168"/>
      <c r="E40" s="168"/>
      <c r="F40" s="168"/>
      <c r="G40" s="168"/>
      <c r="H40" s="168"/>
      <c r="I40" s="168"/>
      <c r="J40" s="120"/>
    </row>
    <row r="41" spans="1:10" ht="15" customHeight="1">
      <c r="A41" s="286" t="s">
        <v>196</v>
      </c>
      <c r="B41" s="289" t="s">
        <v>197</v>
      </c>
      <c r="C41" s="286" t="s">
        <v>198</v>
      </c>
      <c r="D41" s="282" t="s">
        <v>389</v>
      </c>
      <c r="E41" s="282"/>
      <c r="F41" s="281" t="s">
        <v>390</v>
      </c>
      <c r="G41" s="281"/>
      <c r="H41" s="281" t="s">
        <v>391</v>
      </c>
      <c r="I41" s="281"/>
      <c r="J41" s="283" t="s">
        <v>96</v>
      </c>
    </row>
    <row r="42" spans="1:10" ht="15" customHeight="1">
      <c r="A42" s="287"/>
      <c r="B42" s="290"/>
      <c r="C42" s="287"/>
      <c r="D42" s="282"/>
      <c r="E42" s="282"/>
      <c r="F42" s="281"/>
      <c r="G42" s="281"/>
      <c r="H42" s="281"/>
      <c r="I42" s="281"/>
      <c r="J42" s="284"/>
    </row>
    <row r="43" spans="1:10" ht="15" customHeight="1">
      <c r="A43" s="288"/>
      <c r="B43" s="291"/>
      <c r="C43" s="288"/>
      <c r="D43" s="169" t="s">
        <v>393</v>
      </c>
      <c r="E43" s="170" t="s">
        <v>394</v>
      </c>
      <c r="F43" s="169" t="s">
        <v>395</v>
      </c>
      <c r="G43" s="171" t="s">
        <v>396</v>
      </c>
      <c r="H43" s="169" t="s">
        <v>393</v>
      </c>
      <c r="I43" s="171" t="s">
        <v>394</v>
      </c>
      <c r="J43" s="285"/>
    </row>
    <row r="44" spans="1:10" ht="15" customHeight="1">
      <c r="A44" s="76"/>
      <c r="B44" s="105" t="s">
        <v>280</v>
      </c>
      <c r="C44" s="77" t="s">
        <v>265</v>
      </c>
      <c r="D44" s="177" t="s">
        <v>3</v>
      </c>
      <c r="E44" s="178" t="s">
        <v>2</v>
      </c>
      <c r="F44" s="177" t="s">
        <v>2</v>
      </c>
      <c r="G44" s="178"/>
      <c r="H44" s="177" t="s">
        <v>2</v>
      </c>
      <c r="I44" s="178" t="s">
        <v>2</v>
      </c>
      <c r="J44" s="121"/>
    </row>
    <row r="45" spans="1:10" ht="15" customHeight="1">
      <c r="A45" s="76"/>
      <c r="B45" s="105"/>
      <c r="C45" s="77"/>
      <c r="D45" s="179"/>
      <c r="E45" s="180"/>
      <c r="F45" s="179"/>
      <c r="G45" s="180"/>
      <c r="H45" s="179"/>
      <c r="I45" s="180"/>
      <c r="J45" s="121"/>
    </row>
    <row r="46" spans="1:10" ht="15" customHeight="1">
      <c r="A46" s="76"/>
      <c r="B46" s="105" t="s">
        <v>209</v>
      </c>
      <c r="C46" s="77" t="s">
        <v>266</v>
      </c>
      <c r="D46" s="179" t="s">
        <v>2</v>
      </c>
      <c r="E46" s="180" t="s">
        <v>2</v>
      </c>
      <c r="F46" s="179" t="s">
        <v>2</v>
      </c>
      <c r="G46" s="180"/>
      <c r="H46" s="179" t="s">
        <v>2</v>
      </c>
      <c r="I46" s="180" t="s">
        <v>2</v>
      </c>
      <c r="J46" s="121"/>
    </row>
    <row r="47" spans="1:10" ht="15" customHeight="1">
      <c r="A47" s="76"/>
      <c r="B47" s="105" t="s">
        <v>210</v>
      </c>
      <c r="C47" s="77" t="s">
        <v>208</v>
      </c>
      <c r="D47" s="179"/>
      <c r="E47" s="180"/>
      <c r="F47" s="179"/>
      <c r="G47" s="180"/>
      <c r="H47" s="179"/>
      <c r="I47" s="180"/>
      <c r="J47" s="121"/>
    </row>
    <row r="48" spans="1:10" ht="15" customHeight="1">
      <c r="A48" s="76"/>
      <c r="B48" s="105" t="s">
        <v>307</v>
      </c>
      <c r="C48" s="77" t="s">
        <v>267</v>
      </c>
      <c r="D48" s="179" t="s">
        <v>2</v>
      </c>
      <c r="E48" s="180" t="s">
        <v>2</v>
      </c>
      <c r="F48" s="179" t="s">
        <v>2</v>
      </c>
      <c r="G48" s="180"/>
      <c r="H48" s="179" t="s">
        <v>2</v>
      </c>
      <c r="I48" s="180" t="s">
        <v>2</v>
      </c>
      <c r="J48" s="121"/>
    </row>
    <row r="49" spans="1:10" ht="15" customHeight="1">
      <c r="A49" s="76"/>
      <c r="B49" s="105"/>
      <c r="C49" s="77" t="s">
        <v>268</v>
      </c>
      <c r="D49" s="179" t="s">
        <v>2</v>
      </c>
      <c r="E49" s="180" t="s">
        <v>2</v>
      </c>
      <c r="F49" s="179" t="s">
        <v>2</v>
      </c>
      <c r="G49" s="180"/>
      <c r="H49" s="179" t="s">
        <v>2</v>
      </c>
      <c r="I49" s="180" t="s">
        <v>2</v>
      </c>
      <c r="J49" s="121"/>
    </row>
    <row r="50" spans="1:10" ht="15" customHeight="1">
      <c r="A50" s="76"/>
      <c r="B50" s="105"/>
      <c r="C50" s="77" t="s">
        <v>269</v>
      </c>
      <c r="D50" s="179" t="s">
        <v>2</v>
      </c>
      <c r="E50" s="180" t="s">
        <v>2</v>
      </c>
      <c r="F50" s="179" t="s">
        <v>2</v>
      </c>
      <c r="G50" s="180"/>
      <c r="H50" s="179" t="s">
        <v>2</v>
      </c>
      <c r="I50" s="180" t="s">
        <v>2</v>
      </c>
      <c r="J50" s="121"/>
    </row>
    <row r="51" spans="1:10" ht="15" customHeight="1">
      <c r="A51" s="76"/>
      <c r="B51" s="105"/>
      <c r="C51" s="77" t="s">
        <v>270</v>
      </c>
      <c r="D51" s="179" t="s">
        <v>2</v>
      </c>
      <c r="E51" s="180" t="s">
        <v>2</v>
      </c>
      <c r="F51" s="179" t="s">
        <v>2</v>
      </c>
      <c r="G51" s="180"/>
      <c r="H51" s="179" t="s">
        <v>2</v>
      </c>
      <c r="I51" s="180" t="s">
        <v>2</v>
      </c>
      <c r="J51" s="121"/>
    </row>
    <row r="52" spans="1:10" ht="15" customHeight="1">
      <c r="A52" s="76"/>
      <c r="B52" s="105"/>
      <c r="C52" s="77" t="s">
        <v>271</v>
      </c>
      <c r="D52" s="179" t="s">
        <v>2</v>
      </c>
      <c r="E52" s="180" t="s">
        <v>2</v>
      </c>
      <c r="F52" s="179" t="s">
        <v>2</v>
      </c>
      <c r="G52" s="180"/>
      <c r="H52" s="179" t="s">
        <v>2</v>
      </c>
      <c r="I52" s="180" t="s">
        <v>2</v>
      </c>
      <c r="J52" s="121"/>
    </row>
    <row r="53" spans="1:10" ht="15" customHeight="1">
      <c r="A53" s="76"/>
      <c r="B53" s="105"/>
      <c r="C53" s="77" t="s">
        <v>325</v>
      </c>
      <c r="D53" s="179" t="s">
        <v>2</v>
      </c>
      <c r="E53" s="180" t="s">
        <v>2</v>
      </c>
      <c r="F53" s="179" t="s">
        <v>2</v>
      </c>
      <c r="G53" s="180"/>
      <c r="H53" s="179" t="s">
        <v>2</v>
      </c>
      <c r="I53" s="180" t="s">
        <v>2</v>
      </c>
      <c r="J53" s="121"/>
    </row>
    <row r="54" spans="1:10" ht="15" customHeight="1">
      <c r="A54" s="76"/>
      <c r="B54" s="105"/>
      <c r="C54" s="77" t="s">
        <v>272</v>
      </c>
      <c r="D54" s="179" t="s">
        <v>2</v>
      </c>
      <c r="E54" s="180" t="s">
        <v>2</v>
      </c>
      <c r="F54" s="179" t="s">
        <v>2</v>
      </c>
      <c r="G54" s="180"/>
      <c r="H54" s="179" t="s">
        <v>2</v>
      </c>
      <c r="I54" s="180" t="s">
        <v>2</v>
      </c>
      <c r="J54" s="121"/>
    </row>
    <row r="55" spans="1:10" ht="15" customHeight="1">
      <c r="A55" s="76"/>
      <c r="B55" s="105"/>
      <c r="C55" s="77" t="s">
        <v>211</v>
      </c>
      <c r="D55" s="179" t="s">
        <v>2</v>
      </c>
      <c r="E55" s="180" t="s">
        <v>2</v>
      </c>
      <c r="F55" s="179" t="s">
        <v>2</v>
      </c>
      <c r="G55" s="180"/>
      <c r="H55" s="179" t="s">
        <v>2</v>
      </c>
      <c r="I55" s="180" t="s">
        <v>2</v>
      </c>
      <c r="J55" s="121"/>
    </row>
    <row r="56" spans="1:10" ht="15" customHeight="1">
      <c r="A56" s="76"/>
      <c r="B56" s="105"/>
      <c r="C56" s="77" t="s">
        <v>174</v>
      </c>
      <c r="D56" s="179"/>
      <c r="E56" s="180"/>
      <c r="F56" s="179"/>
      <c r="G56" s="180"/>
      <c r="H56" s="179"/>
      <c r="I56" s="180"/>
      <c r="J56" s="121"/>
    </row>
    <row r="57" spans="1:10" ht="15" customHeight="1">
      <c r="A57" s="76"/>
      <c r="B57" s="105"/>
      <c r="C57" s="77" t="s">
        <v>273</v>
      </c>
      <c r="D57" s="179" t="s">
        <v>2</v>
      </c>
      <c r="E57" s="180" t="s">
        <v>2</v>
      </c>
      <c r="F57" s="179" t="s">
        <v>2</v>
      </c>
      <c r="G57" s="180"/>
      <c r="H57" s="179" t="s">
        <v>2</v>
      </c>
      <c r="I57" s="180" t="s">
        <v>2</v>
      </c>
      <c r="J57" s="121"/>
    </row>
    <row r="58" spans="1:10" ht="15" customHeight="1">
      <c r="A58" s="76"/>
      <c r="B58" s="105"/>
      <c r="C58" s="77" t="s">
        <v>274</v>
      </c>
      <c r="D58" s="179" t="s">
        <v>2</v>
      </c>
      <c r="E58" s="180" t="s">
        <v>2</v>
      </c>
      <c r="F58" s="179" t="s">
        <v>2</v>
      </c>
      <c r="G58" s="180"/>
      <c r="H58" s="179" t="s">
        <v>2</v>
      </c>
      <c r="I58" s="180" t="s">
        <v>2</v>
      </c>
      <c r="J58" s="121"/>
    </row>
    <row r="59" spans="1:10" ht="15" customHeight="1">
      <c r="A59" s="76"/>
      <c r="B59" s="105"/>
      <c r="C59" s="77"/>
      <c r="D59" s="179"/>
      <c r="E59" s="180"/>
      <c r="F59" s="179"/>
      <c r="G59" s="180"/>
      <c r="H59" s="179"/>
      <c r="I59" s="180"/>
      <c r="J59" s="121"/>
    </row>
    <row r="60" spans="1:10" ht="15" customHeight="1">
      <c r="A60" s="76"/>
      <c r="B60" s="105" t="s">
        <v>281</v>
      </c>
      <c r="C60" s="77" t="s">
        <v>275</v>
      </c>
      <c r="D60" s="179" t="s">
        <v>2</v>
      </c>
      <c r="E60" s="180" t="s">
        <v>2</v>
      </c>
      <c r="F60" s="179" t="s">
        <v>2</v>
      </c>
      <c r="G60" s="180"/>
      <c r="H60" s="179" t="s">
        <v>2</v>
      </c>
      <c r="I60" s="180" t="s">
        <v>2</v>
      </c>
      <c r="J60" s="121"/>
    </row>
    <row r="61" spans="1:10" ht="15" customHeight="1">
      <c r="A61" s="76"/>
      <c r="B61" s="105"/>
      <c r="C61" s="77" t="s">
        <v>276</v>
      </c>
      <c r="D61" s="179" t="s">
        <v>2</v>
      </c>
      <c r="E61" s="180" t="s">
        <v>2</v>
      </c>
      <c r="F61" s="179" t="s">
        <v>2</v>
      </c>
      <c r="G61" s="180"/>
      <c r="H61" s="179" t="s">
        <v>2</v>
      </c>
      <c r="I61" s="180" t="s">
        <v>2</v>
      </c>
      <c r="J61" s="121"/>
    </row>
    <row r="62" spans="1:10" ht="15" customHeight="1">
      <c r="A62" s="76"/>
      <c r="B62" s="105"/>
      <c r="C62" s="77" t="s">
        <v>277</v>
      </c>
      <c r="D62" s="179" t="s">
        <v>2</v>
      </c>
      <c r="E62" s="180" t="s">
        <v>2</v>
      </c>
      <c r="F62" s="179" t="s">
        <v>2</v>
      </c>
      <c r="G62" s="180"/>
      <c r="H62" s="179" t="s">
        <v>2</v>
      </c>
      <c r="I62" s="180" t="s">
        <v>2</v>
      </c>
      <c r="J62" s="121"/>
    </row>
    <row r="63" spans="1:10" ht="15" customHeight="1">
      <c r="A63" s="76"/>
      <c r="B63" s="105"/>
      <c r="C63" s="77"/>
      <c r="D63" s="172"/>
      <c r="E63" s="173"/>
      <c r="F63" s="172"/>
      <c r="G63" s="174"/>
      <c r="H63" s="172"/>
      <c r="I63" s="174"/>
      <c r="J63" s="121"/>
    </row>
    <row r="64" spans="1:10" ht="15" customHeight="1">
      <c r="A64" s="76"/>
      <c r="B64" s="105" t="s">
        <v>282</v>
      </c>
      <c r="C64" s="77" t="s">
        <v>278</v>
      </c>
      <c r="D64" s="179" t="s">
        <v>2</v>
      </c>
      <c r="E64" s="180" t="s">
        <v>2</v>
      </c>
      <c r="F64" s="179" t="s">
        <v>2</v>
      </c>
      <c r="G64" s="180"/>
      <c r="H64" s="179" t="s">
        <v>2</v>
      </c>
      <c r="I64" s="180" t="s">
        <v>2</v>
      </c>
      <c r="J64" s="121"/>
    </row>
    <row r="65" spans="1:10" ht="15" customHeight="1">
      <c r="A65" s="76"/>
      <c r="B65" s="105"/>
      <c r="C65" s="77" t="s">
        <v>213</v>
      </c>
      <c r="D65" s="179" t="s">
        <v>2</v>
      </c>
      <c r="E65" s="180" t="s">
        <v>2</v>
      </c>
      <c r="F65" s="179" t="s">
        <v>2</v>
      </c>
      <c r="G65" s="180"/>
      <c r="H65" s="179" t="s">
        <v>2</v>
      </c>
      <c r="I65" s="180" t="s">
        <v>2</v>
      </c>
      <c r="J65" s="121"/>
    </row>
    <row r="66" spans="1:10" ht="15" customHeight="1">
      <c r="A66" s="76"/>
      <c r="B66" s="105"/>
      <c r="C66" s="77" t="s">
        <v>212</v>
      </c>
      <c r="D66" s="179"/>
      <c r="E66" s="180"/>
      <c r="F66" s="179"/>
      <c r="G66" s="180"/>
      <c r="H66" s="179"/>
      <c r="I66" s="180"/>
      <c r="J66" s="121"/>
    </row>
    <row r="67" spans="1:10" ht="15" customHeight="1">
      <c r="A67" s="76"/>
      <c r="B67" s="105"/>
      <c r="C67" s="77" t="s">
        <v>214</v>
      </c>
      <c r="D67" s="179" t="s">
        <v>2</v>
      </c>
      <c r="E67" s="180" t="s">
        <v>2</v>
      </c>
      <c r="F67" s="179" t="s">
        <v>2</v>
      </c>
      <c r="G67" s="180"/>
      <c r="H67" s="179" t="s">
        <v>2</v>
      </c>
      <c r="I67" s="180" t="s">
        <v>2</v>
      </c>
      <c r="J67" s="121"/>
    </row>
    <row r="68" spans="1:10" ht="15" customHeight="1">
      <c r="A68" s="76"/>
      <c r="B68" s="105"/>
      <c r="C68" s="77"/>
      <c r="D68" s="179"/>
      <c r="E68" s="180"/>
      <c r="F68" s="179"/>
      <c r="G68" s="180"/>
      <c r="H68" s="179"/>
      <c r="I68" s="180"/>
      <c r="J68" s="121"/>
    </row>
    <row r="69" spans="1:10" ht="15" customHeight="1">
      <c r="A69" s="76"/>
      <c r="B69" s="111" t="s">
        <v>283</v>
      </c>
      <c r="C69" s="77" t="s">
        <v>279</v>
      </c>
      <c r="D69" s="179" t="s">
        <v>2</v>
      </c>
      <c r="E69" s="180" t="s">
        <v>2</v>
      </c>
      <c r="F69" s="179" t="s">
        <v>2</v>
      </c>
      <c r="G69" s="180"/>
      <c r="H69" s="179" t="s">
        <v>2</v>
      </c>
      <c r="I69" s="180" t="s">
        <v>2</v>
      </c>
      <c r="J69" s="121"/>
    </row>
    <row r="70" spans="1:10" ht="15" customHeight="1">
      <c r="A70" s="76"/>
      <c r="B70" s="87"/>
      <c r="C70" s="90" t="s">
        <v>308</v>
      </c>
      <c r="D70" s="179" t="s">
        <v>2</v>
      </c>
      <c r="E70" s="180" t="s">
        <v>2</v>
      </c>
      <c r="F70" s="179" t="s">
        <v>2</v>
      </c>
      <c r="G70" s="180"/>
      <c r="H70" s="179" t="s">
        <v>2</v>
      </c>
      <c r="I70" s="180" t="s">
        <v>2</v>
      </c>
      <c r="J70" s="121"/>
    </row>
    <row r="71" spans="1:10" ht="15" customHeight="1">
      <c r="A71" s="76"/>
      <c r="B71" s="87"/>
      <c r="C71" s="90"/>
      <c r="D71" s="179"/>
      <c r="E71" s="180"/>
      <c r="F71" s="179"/>
      <c r="G71" s="180"/>
      <c r="H71" s="179"/>
      <c r="I71" s="180"/>
      <c r="J71" s="121"/>
    </row>
    <row r="72" spans="1:10" ht="15" customHeight="1">
      <c r="A72" s="76"/>
      <c r="B72" s="105"/>
      <c r="C72" s="77"/>
      <c r="D72" s="179"/>
      <c r="E72" s="180"/>
      <c r="F72" s="179"/>
      <c r="G72" s="180"/>
      <c r="H72" s="179"/>
      <c r="I72" s="180"/>
      <c r="J72" s="121"/>
    </row>
    <row r="73" spans="1:10" ht="15" customHeight="1">
      <c r="A73" s="76"/>
      <c r="B73" s="107"/>
      <c r="C73" s="77"/>
      <c r="D73" s="179"/>
      <c r="E73" s="180"/>
      <c r="F73" s="179"/>
      <c r="G73" s="180"/>
      <c r="H73" s="179"/>
      <c r="I73" s="180"/>
      <c r="J73" s="121"/>
    </row>
    <row r="74" spans="1:10" ht="15" customHeight="1">
      <c r="A74" s="76"/>
      <c r="B74" s="112"/>
      <c r="C74" s="90"/>
      <c r="D74" s="179"/>
      <c r="E74" s="180"/>
      <c r="F74" s="179"/>
      <c r="G74" s="180"/>
      <c r="H74" s="179"/>
      <c r="I74" s="180"/>
      <c r="J74" s="121"/>
    </row>
    <row r="75" spans="1:10" ht="15" customHeight="1">
      <c r="A75" s="80"/>
      <c r="B75" s="113"/>
      <c r="C75" s="114"/>
      <c r="D75" s="181"/>
      <c r="E75" s="182"/>
      <c r="F75" s="181"/>
      <c r="G75" s="182"/>
      <c r="H75" s="181"/>
      <c r="I75" s="182"/>
      <c r="J75" s="184"/>
    </row>
    <row r="76" spans="1:10" ht="25.2">
      <c r="A76" s="83" t="s">
        <v>300</v>
      </c>
      <c r="B76" s="82"/>
      <c r="C76" s="83"/>
      <c r="D76" s="168"/>
      <c r="E76" s="168"/>
      <c r="F76" s="168"/>
      <c r="G76" s="168"/>
      <c r="H76" s="168"/>
      <c r="I76" s="168"/>
      <c r="J76" s="120"/>
    </row>
    <row r="77" spans="1:10" ht="15" customHeight="1">
      <c r="A77" s="286" t="s">
        <v>196</v>
      </c>
      <c r="B77" s="289" t="s">
        <v>197</v>
      </c>
      <c r="C77" s="286" t="s">
        <v>198</v>
      </c>
      <c r="D77" s="282" t="s">
        <v>389</v>
      </c>
      <c r="E77" s="282"/>
      <c r="F77" s="281" t="s">
        <v>390</v>
      </c>
      <c r="G77" s="281"/>
      <c r="H77" s="281" t="s">
        <v>391</v>
      </c>
      <c r="I77" s="281"/>
      <c r="J77" s="283" t="s">
        <v>96</v>
      </c>
    </row>
    <row r="78" spans="1:10" ht="15" customHeight="1">
      <c r="A78" s="287"/>
      <c r="B78" s="290"/>
      <c r="C78" s="287"/>
      <c r="D78" s="282"/>
      <c r="E78" s="282"/>
      <c r="F78" s="281"/>
      <c r="G78" s="281"/>
      <c r="H78" s="281"/>
      <c r="I78" s="281"/>
      <c r="J78" s="284"/>
    </row>
    <row r="79" spans="1:10" ht="15" customHeight="1">
      <c r="A79" s="288"/>
      <c r="B79" s="291"/>
      <c r="C79" s="288"/>
      <c r="D79" s="169" t="s">
        <v>393</v>
      </c>
      <c r="E79" s="170" t="s">
        <v>394</v>
      </c>
      <c r="F79" s="169" t="s">
        <v>395</v>
      </c>
      <c r="G79" s="171" t="s">
        <v>396</v>
      </c>
      <c r="H79" s="169" t="s">
        <v>393</v>
      </c>
      <c r="I79" s="171" t="s">
        <v>394</v>
      </c>
      <c r="J79" s="285"/>
    </row>
    <row r="80" spans="1:10" ht="15" customHeight="1">
      <c r="A80" s="76"/>
      <c r="B80" s="105" t="s">
        <v>294</v>
      </c>
      <c r="C80" s="77"/>
      <c r="D80" s="177"/>
      <c r="E80" s="178"/>
      <c r="F80" s="177"/>
      <c r="G80" s="178"/>
      <c r="H80" s="177"/>
      <c r="I80" s="178"/>
      <c r="J80" s="121"/>
    </row>
    <row r="81" spans="1:10" ht="15" customHeight="1">
      <c r="A81" s="76"/>
      <c r="B81" s="105" t="s">
        <v>280</v>
      </c>
      <c r="C81" s="77" t="s">
        <v>265</v>
      </c>
      <c r="D81" s="179" t="s">
        <v>2</v>
      </c>
      <c r="E81" s="180" t="s">
        <v>2</v>
      </c>
      <c r="F81" s="179" t="s">
        <v>2</v>
      </c>
      <c r="G81" s="180"/>
      <c r="H81" s="179" t="s">
        <v>2</v>
      </c>
      <c r="I81" s="180" t="s">
        <v>2</v>
      </c>
      <c r="J81" s="121"/>
    </row>
    <row r="82" spans="1:10" ht="15" customHeight="1">
      <c r="A82" s="76"/>
      <c r="B82" s="105"/>
      <c r="C82" s="77"/>
      <c r="D82" s="179"/>
      <c r="E82" s="180"/>
      <c r="F82" s="179"/>
      <c r="G82" s="180"/>
      <c r="H82" s="179"/>
      <c r="I82" s="180"/>
      <c r="J82" s="121"/>
    </row>
    <row r="83" spans="1:10" ht="15" customHeight="1">
      <c r="A83" s="76"/>
      <c r="B83" s="105" t="s">
        <v>209</v>
      </c>
      <c r="C83" s="77" t="s">
        <v>266</v>
      </c>
      <c r="D83" s="179" t="s">
        <v>2</v>
      </c>
      <c r="E83" s="180" t="s">
        <v>2</v>
      </c>
      <c r="F83" s="179" t="s">
        <v>2</v>
      </c>
      <c r="G83" s="180"/>
      <c r="H83" s="179" t="s">
        <v>2</v>
      </c>
      <c r="I83" s="180" t="s">
        <v>2</v>
      </c>
      <c r="J83" s="121"/>
    </row>
    <row r="84" spans="1:10" ht="15" customHeight="1">
      <c r="A84" s="76"/>
      <c r="B84" s="105" t="s">
        <v>210</v>
      </c>
      <c r="C84" s="77" t="s">
        <v>215</v>
      </c>
      <c r="D84" s="179"/>
      <c r="E84" s="180"/>
      <c r="F84" s="179"/>
      <c r="G84" s="180"/>
      <c r="H84" s="179"/>
      <c r="I84" s="180"/>
      <c r="J84" s="121"/>
    </row>
    <row r="85" spans="1:10" ht="15" customHeight="1">
      <c r="A85" s="76"/>
      <c r="B85" s="105" t="s">
        <v>323</v>
      </c>
      <c r="C85" s="77" t="s">
        <v>267</v>
      </c>
      <c r="D85" s="179" t="s">
        <v>2</v>
      </c>
      <c r="E85" s="180" t="s">
        <v>2</v>
      </c>
      <c r="F85" s="179" t="s">
        <v>2</v>
      </c>
      <c r="G85" s="180"/>
      <c r="H85" s="179" t="s">
        <v>2</v>
      </c>
      <c r="I85" s="180" t="s">
        <v>2</v>
      </c>
      <c r="J85" s="121"/>
    </row>
    <row r="86" spans="1:10" ht="15" customHeight="1">
      <c r="A86" s="76"/>
      <c r="B86" s="105"/>
      <c r="C86" s="77" t="s">
        <v>268</v>
      </c>
      <c r="D86" s="179" t="s">
        <v>2</v>
      </c>
      <c r="E86" s="180" t="s">
        <v>2</v>
      </c>
      <c r="F86" s="179" t="s">
        <v>2</v>
      </c>
      <c r="G86" s="180"/>
      <c r="H86" s="179" t="s">
        <v>2</v>
      </c>
      <c r="I86" s="180" t="s">
        <v>2</v>
      </c>
      <c r="J86" s="121"/>
    </row>
    <row r="87" spans="1:10" ht="15" customHeight="1">
      <c r="A87" s="76"/>
      <c r="B87" s="105"/>
      <c r="C87" s="77" t="s">
        <v>284</v>
      </c>
      <c r="D87" s="179" t="s">
        <v>2</v>
      </c>
      <c r="E87" s="180" t="s">
        <v>2</v>
      </c>
      <c r="F87" s="179" t="s">
        <v>2</v>
      </c>
      <c r="G87" s="180"/>
      <c r="H87" s="179" t="s">
        <v>2</v>
      </c>
      <c r="I87" s="180" t="s">
        <v>2</v>
      </c>
      <c r="J87" s="121"/>
    </row>
    <row r="88" spans="1:10" ht="15" customHeight="1">
      <c r="A88" s="76"/>
      <c r="B88" s="105"/>
      <c r="C88" s="77" t="s">
        <v>285</v>
      </c>
      <c r="D88" s="179" t="s">
        <v>2</v>
      </c>
      <c r="E88" s="180" t="s">
        <v>2</v>
      </c>
      <c r="F88" s="179" t="s">
        <v>2</v>
      </c>
      <c r="G88" s="180"/>
      <c r="H88" s="179" t="s">
        <v>2</v>
      </c>
      <c r="I88" s="180" t="s">
        <v>2</v>
      </c>
      <c r="J88" s="121"/>
    </row>
    <row r="89" spans="1:10" ht="15" customHeight="1">
      <c r="A89" s="76"/>
      <c r="B89" s="105"/>
      <c r="C89" s="77" t="s">
        <v>326</v>
      </c>
      <c r="D89" s="179" t="s">
        <v>2</v>
      </c>
      <c r="E89" s="180" t="s">
        <v>2</v>
      </c>
      <c r="F89" s="179" t="s">
        <v>2</v>
      </c>
      <c r="G89" s="180"/>
      <c r="H89" s="179" t="s">
        <v>2</v>
      </c>
      <c r="I89" s="180" t="s">
        <v>2</v>
      </c>
      <c r="J89" s="121"/>
    </row>
    <row r="90" spans="1:10" ht="15" customHeight="1">
      <c r="A90" s="76"/>
      <c r="B90" s="105"/>
      <c r="C90" s="77" t="s">
        <v>286</v>
      </c>
      <c r="D90" s="179" t="s">
        <v>2</v>
      </c>
      <c r="E90" s="180" t="s">
        <v>2</v>
      </c>
      <c r="F90" s="179" t="s">
        <v>2</v>
      </c>
      <c r="G90" s="180"/>
      <c r="H90" s="179" t="s">
        <v>2</v>
      </c>
      <c r="I90" s="180" t="s">
        <v>2</v>
      </c>
      <c r="J90" s="121"/>
    </row>
    <row r="91" spans="1:10" ht="15" customHeight="1">
      <c r="A91" s="76"/>
      <c r="B91" s="105"/>
      <c r="C91" s="77" t="s">
        <v>287</v>
      </c>
      <c r="D91" s="179" t="s">
        <v>2</v>
      </c>
      <c r="E91" s="180" t="s">
        <v>2</v>
      </c>
      <c r="F91" s="179" t="s">
        <v>2</v>
      </c>
      <c r="G91" s="180"/>
      <c r="H91" s="179" t="s">
        <v>2</v>
      </c>
      <c r="I91" s="180" t="s">
        <v>2</v>
      </c>
      <c r="J91" s="121"/>
    </row>
    <row r="92" spans="1:10" ht="15" customHeight="1">
      <c r="A92" s="76"/>
      <c r="B92" s="105"/>
      <c r="C92" s="77" t="s">
        <v>288</v>
      </c>
      <c r="D92" s="179" t="s">
        <v>2</v>
      </c>
      <c r="E92" s="180" t="s">
        <v>2</v>
      </c>
      <c r="F92" s="179" t="s">
        <v>2</v>
      </c>
      <c r="G92" s="180"/>
      <c r="H92" s="179" t="s">
        <v>2</v>
      </c>
      <c r="I92" s="180" t="s">
        <v>2</v>
      </c>
      <c r="J92" s="121"/>
    </row>
    <row r="93" spans="1:10" ht="15" customHeight="1">
      <c r="A93" s="76"/>
      <c r="B93" s="105"/>
      <c r="C93" s="77"/>
      <c r="D93" s="179"/>
      <c r="E93" s="180"/>
      <c r="F93" s="179"/>
      <c r="G93" s="180"/>
      <c r="H93" s="179"/>
      <c r="I93" s="180"/>
      <c r="J93" s="121"/>
    </row>
    <row r="94" spans="1:10" ht="15" customHeight="1">
      <c r="A94" s="76"/>
      <c r="B94" s="105" t="s">
        <v>281</v>
      </c>
      <c r="C94" s="77" t="s">
        <v>289</v>
      </c>
      <c r="D94" s="179" t="s">
        <v>2</v>
      </c>
      <c r="E94" s="180" t="s">
        <v>2</v>
      </c>
      <c r="F94" s="179" t="s">
        <v>2</v>
      </c>
      <c r="G94" s="180"/>
      <c r="H94" s="179" t="s">
        <v>2</v>
      </c>
      <c r="I94" s="180" t="s">
        <v>2</v>
      </c>
      <c r="J94" s="121"/>
    </row>
    <row r="95" spans="1:10" ht="15" customHeight="1">
      <c r="A95" s="76"/>
      <c r="B95" s="105"/>
      <c r="C95" s="77" t="s">
        <v>290</v>
      </c>
      <c r="D95" s="179" t="s">
        <v>2</v>
      </c>
      <c r="E95" s="180" t="s">
        <v>2</v>
      </c>
      <c r="F95" s="179" t="s">
        <v>2</v>
      </c>
      <c r="G95" s="180"/>
      <c r="H95" s="179" t="s">
        <v>2</v>
      </c>
      <c r="I95" s="180" t="s">
        <v>2</v>
      </c>
      <c r="J95" s="121"/>
    </row>
    <row r="96" spans="1:10" ht="15" customHeight="1">
      <c r="A96" s="76"/>
      <c r="B96" s="105"/>
      <c r="C96" s="77" t="s">
        <v>291</v>
      </c>
      <c r="D96" s="179" t="s">
        <v>2</v>
      </c>
      <c r="E96" s="180" t="s">
        <v>2</v>
      </c>
      <c r="F96" s="179" t="s">
        <v>2</v>
      </c>
      <c r="G96" s="180"/>
      <c r="H96" s="179" t="s">
        <v>2</v>
      </c>
      <c r="I96" s="180" t="s">
        <v>2</v>
      </c>
      <c r="J96" s="121"/>
    </row>
    <row r="97" spans="1:10" ht="15" customHeight="1">
      <c r="A97" s="76"/>
      <c r="B97" s="105"/>
      <c r="C97" s="77"/>
      <c r="D97" s="179"/>
      <c r="E97" s="180"/>
      <c r="F97" s="179"/>
      <c r="G97" s="180"/>
      <c r="H97" s="179"/>
      <c r="I97" s="180"/>
      <c r="J97" s="121"/>
    </row>
    <row r="98" spans="1:10" ht="15" customHeight="1">
      <c r="A98" s="76"/>
      <c r="B98" s="105" t="s">
        <v>282</v>
      </c>
      <c r="C98" s="77" t="s">
        <v>292</v>
      </c>
      <c r="D98" s="179" t="s">
        <v>2</v>
      </c>
      <c r="E98" s="180" t="s">
        <v>2</v>
      </c>
      <c r="F98" s="179" t="s">
        <v>2</v>
      </c>
      <c r="G98" s="180"/>
      <c r="H98" s="179" t="s">
        <v>2</v>
      </c>
      <c r="I98" s="180" t="s">
        <v>2</v>
      </c>
      <c r="J98" s="121"/>
    </row>
    <row r="99" spans="1:10" ht="15" customHeight="1">
      <c r="A99" s="76"/>
      <c r="B99" s="105"/>
      <c r="C99" s="77"/>
      <c r="D99" s="172"/>
      <c r="E99" s="173"/>
      <c r="F99" s="172"/>
      <c r="G99" s="174"/>
      <c r="H99" s="172"/>
      <c r="I99" s="174"/>
      <c r="J99" s="121"/>
    </row>
    <row r="100" spans="1:10" ht="15" customHeight="1">
      <c r="A100" s="76"/>
      <c r="B100" s="105" t="s">
        <v>295</v>
      </c>
      <c r="C100" s="77" t="s">
        <v>293</v>
      </c>
      <c r="D100" s="179" t="s">
        <v>2</v>
      </c>
      <c r="E100" s="180" t="s">
        <v>2</v>
      </c>
      <c r="F100" s="179" t="s">
        <v>2</v>
      </c>
      <c r="G100" s="180"/>
      <c r="H100" s="179" t="s">
        <v>2</v>
      </c>
      <c r="I100" s="180" t="s">
        <v>2</v>
      </c>
      <c r="J100" s="121"/>
    </row>
    <row r="101" spans="1:10" ht="15" customHeight="1">
      <c r="A101" s="76"/>
      <c r="B101" s="105"/>
      <c r="C101" s="77"/>
      <c r="D101" s="179"/>
      <c r="E101" s="180"/>
      <c r="F101" s="179"/>
      <c r="G101" s="180"/>
      <c r="H101" s="179"/>
      <c r="I101" s="180"/>
      <c r="J101" s="121"/>
    </row>
    <row r="102" spans="1:10" ht="15" customHeight="1">
      <c r="A102" s="76"/>
      <c r="B102" s="111" t="s">
        <v>240</v>
      </c>
      <c r="C102" s="77" t="s">
        <v>217</v>
      </c>
      <c r="D102" s="179" t="s">
        <v>2</v>
      </c>
      <c r="E102" s="180" t="s">
        <v>2</v>
      </c>
      <c r="F102" s="179" t="s">
        <v>2</v>
      </c>
      <c r="G102" s="180"/>
      <c r="H102" s="179" t="s">
        <v>2</v>
      </c>
      <c r="I102" s="180" t="s">
        <v>2</v>
      </c>
      <c r="J102" s="121"/>
    </row>
    <row r="103" spans="1:10" ht="15" customHeight="1">
      <c r="A103" s="76"/>
      <c r="B103" s="111"/>
      <c r="C103" s="77" t="s">
        <v>192</v>
      </c>
      <c r="D103" s="179"/>
      <c r="E103" s="180"/>
      <c r="F103" s="179"/>
      <c r="G103" s="180"/>
      <c r="H103" s="179"/>
      <c r="I103" s="180"/>
      <c r="J103" s="121"/>
    </row>
    <row r="104" spans="1:10" ht="15" customHeight="1">
      <c r="A104" s="76"/>
      <c r="B104" s="107"/>
      <c r="C104" s="90" t="s">
        <v>309</v>
      </c>
      <c r="D104" s="179" t="s">
        <v>2</v>
      </c>
      <c r="E104" s="180" t="s">
        <v>2</v>
      </c>
      <c r="F104" s="179" t="s">
        <v>2</v>
      </c>
      <c r="G104" s="180"/>
      <c r="H104" s="179" t="s">
        <v>2</v>
      </c>
      <c r="I104" s="180" t="s">
        <v>2</v>
      </c>
      <c r="J104" s="121"/>
    </row>
    <row r="105" spans="1:10" ht="15" customHeight="1">
      <c r="A105" s="76"/>
      <c r="B105" s="107"/>
      <c r="C105" s="90"/>
      <c r="D105" s="179"/>
      <c r="E105" s="180"/>
      <c r="F105" s="179"/>
      <c r="G105" s="180"/>
      <c r="H105" s="179"/>
      <c r="I105" s="180"/>
      <c r="J105" s="121"/>
    </row>
    <row r="106" spans="1:10" ht="15" customHeight="1">
      <c r="A106" s="76"/>
      <c r="B106" s="105"/>
      <c r="C106" s="77"/>
      <c r="D106" s="179"/>
      <c r="E106" s="180"/>
      <c r="F106" s="179"/>
      <c r="G106" s="180"/>
      <c r="H106" s="179"/>
      <c r="I106" s="180"/>
      <c r="J106" s="121"/>
    </row>
    <row r="107" spans="1:10" ht="15" customHeight="1">
      <c r="A107" s="76"/>
      <c r="B107" s="105"/>
      <c r="C107" s="77"/>
      <c r="D107" s="179"/>
      <c r="E107" s="180"/>
      <c r="F107" s="179"/>
      <c r="G107" s="180"/>
      <c r="H107" s="179"/>
      <c r="I107" s="180"/>
      <c r="J107" s="121"/>
    </row>
    <row r="108" spans="1:10" ht="15" customHeight="1">
      <c r="A108" s="76"/>
      <c r="B108" s="107"/>
      <c r="C108" s="77"/>
      <c r="D108" s="179"/>
      <c r="E108" s="180"/>
      <c r="F108" s="179"/>
      <c r="G108" s="180"/>
      <c r="H108" s="179"/>
      <c r="I108" s="180"/>
      <c r="J108" s="121"/>
    </row>
    <row r="109" spans="1:10" ht="15" customHeight="1">
      <c r="A109" s="76"/>
      <c r="B109" s="84"/>
      <c r="C109" s="77"/>
      <c r="D109" s="179"/>
      <c r="E109" s="180"/>
      <c r="F109" s="179"/>
      <c r="G109" s="180"/>
      <c r="H109" s="179"/>
      <c r="I109" s="180"/>
      <c r="J109" s="121"/>
    </row>
    <row r="110" spans="1:10" ht="15" customHeight="1">
      <c r="A110" s="76"/>
      <c r="B110" s="85"/>
      <c r="C110" s="79"/>
      <c r="D110" s="179"/>
      <c r="E110" s="180"/>
      <c r="F110" s="179"/>
      <c r="G110" s="180"/>
      <c r="H110" s="179"/>
      <c r="I110" s="180"/>
      <c r="J110" s="121"/>
    </row>
    <row r="111" spans="1:10" ht="15" customHeight="1">
      <c r="A111" s="80"/>
      <c r="B111" s="86"/>
      <c r="C111" s="80"/>
      <c r="D111" s="181"/>
      <c r="E111" s="182"/>
      <c r="F111" s="181"/>
      <c r="G111" s="182"/>
      <c r="H111" s="181"/>
      <c r="I111" s="182"/>
      <c r="J111" s="184"/>
    </row>
    <row r="112" spans="1:10" ht="25.2">
      <c r="A112" s="83" t="s">
        <v>300</v>
      </c>
      <c r="B112" s="82"/>
      <c r="C112" s="83"/>
    </row>
    <row r="113" spans="1:10" ht="15" customHeight="1">
      <c r="A113" s="286" t="s">
        <v>196</v>
      </c>
      <c r="B113" s="289" t="s">
        <v>197</v>
      </c>
      <c r="C113" s="286" t="s">
        <v>198</v>
      </c>
      <c r="D113" s="282" t="s">
        <v>389</v>
      </c>
      <c r="E113" s="282"/>
      <c r="F113" s="281" t="s">
        <v>390</v>
      </c>
      <c r="G113" s="281"/>
      <c r="H113" s="281" t="s">
        <v>391</v>
      </c>
      <c r="I113" s="281"/>
      <c r="J113" s="283" t="s">
        <v>96</v>
      </c>
    </row>
    <row r="114" spans="1:10" ht="15" customHeight="1">
      <c r="A114" s="287"/>
      <c r="B114" s="290"/>
      <c r="C114" s="287"/>
      <c r="D114" s="282"/>
      <c r="E114" s="282"/>
      <c r="F114" s="281"/>
      <c r="G114" s="281"/>
      <c r="H114" s="281"/>
      <c r="I114" s="281"/>
      <c r="J114" s="284"/>
    </row>
    <row r="115" spans="1:10" ht="15" customHeight="1">
      <c r="A115" s="288"/>
      <c r="B115" s="291"/>
      <c r="C115" s="288"/>
      <c r="D115" s="169" t="s">
        <v>393</v>
      </c>
      <c r="E115" s="170" t="s">
        <v>394</v>
      </c>
      <c r="F115" s="169" t="s">
        <v>395</v>
      </c>
      <c r="G115" s="171" t="s">
        <v>396</v>
      </c>
      <c r="H115" s="169" t="s">
        <v>393</v>
      </c>
      <c r="I115" s="171" t="s">
        <v>394</v>
      </c>
      <c r="J115" s="285"/>
    </row>
    <row r="116" spans="1:10" ht="15" customHeight="1">
      <c r="A116" s="76"/>
      <c r="B116" s="108" t="s">
        <v>298</v>
      </c>
      <c r="C116" s="89"/>
      <c r="D116" s="177"/>
      <c r="E116" s="178"/>
      <c r="F116" s="177"/>
      <c r="G116" s="178"/>
      <c r="H116" s="177"/>
      <c r="I116" s="178"/>
      <c r="J116" s="121"/>
    </row>
    <row r="117" spans="1:10" ht="15" customHeight="1">
      <c r="A117" s="76"/>
      <c r="B117" s="108" t="s">
        <v>280</v>
      </c>
      <c r="C117" s="89" t="s">
        <v>265</v>
      </c>
      <c r="D117" s="179" t="s">
        <v>2</v>
      </c>
      <c r="E117" s="180" t="s">
        <v>2</v>
      </c>
      <c r="F117" s="179" t="s">
        <v>2</v>
      </c>
      <c r="G117" s="180"/>
      <c r="H117" s="179" t="s">
        <v>2</v>
      </c>
      <c r="I117" s="180" t="s">
        <v>2</v>
      </c>
      <c r="J117" s="121"/>
    </row>
    <row r="118" spans="1:10" ht="15" customHeight="1">
      <c r="A118" s="76"/>
      <c r="B118" s="108"/>
      <c r="C118" s="89"/>
      <c r="D118" s="179"/>
      <c r="E118" s="180"/>
      <c r="F118" s="179"/>
      <c r="G118" s="180"/>
      <c r="H118" s="179"/>
      <c r="I118" s="180"/>
      <c r="J118" s="121"/>
    </row>
    <row r="119" spans="1:10" ht="15" customHeight="1">
      <c r="A119" s="76"/>
      <c r="B119" s="108" t="s">
        <v>209</v>
      </c>
      <c r="C119" s="89" t="s">
        <v>266</v>
      </c>
      <c r="D119" s="179" t="s">
        <v>2</v>
      </c>
      <c r="E119" s="180" t="s">
        <v>2</v>
      </c>
      <c r="F119" s="179" t="s">
        <v>2</v>
      </c>
      <c r="G119" s="180"/>
      <c r="H119" s="179" t="s">
        <v>2</v>
      </c>
      <c r="I119" s="180" t="s">
        <v>2</v>
      </c>
      <c r="J119" s="121"/>
    </row>
    <row r="120" spans="1:10" ht="15" customHeight="1">
      <c r="A120" s="76"/>
      <c r="B120" s="108" t="s">
        <v>210</v>
      </c>
      <c r="C120" s="89" t="s">
        <v>310</v>
      </c>
      <c r="D120" s="179"/>
      <c r="E120" s="180"/>
      <c r="F120" s="179"/>
      <c r="G120" s="180"/>
      <c r="H120" s="179"/>
      <c r="I120" s="180"/>
      <c r="J120" s="121"/>
    </row>
    <row r="121" spans="1:10" ht="15" customHeight="1">
      <c r="A121" s="76"/>
      <c r="B121" s="108" t="s">
        <v>323</v>
      </c>
      <c r="C121" s="89" t="s">
        <v>267</v>
      </c>
      <c r="D121" s="179" t="s">
        <v>2</v>
      </c>
      <c r="E121" s="180" t="s">
        <v>2</v>
      </c>
      <c r="F121" s="179" t="s">
        <v>2</v>
      </c>
      <c r="G121" s="180"/>
      <c r="H121" s="179" t="s">
        <v>2</v>
      </c>
      <c r="I121" s="180" t="s">
        <v>2</v>
      </c>
      <c r="J121" s="121"/>
    </row>
    <row r="122" spans="1:10" ht="15" customHeight="1">
      <c r="A122" s="76"/>
      <c r="B122" s="108"/>
      <c r="C122" s="89" t="s">
        <v>268</v>
      </c>
      <c r="D122" s="179" t="s">
        <v>2</v>
      </c>
      <c r="E122" s="180" t="s">
        <v>2</v>
      </c>
      <c r="F122" s="179" t="s">
        <v>2</v>
      </c>
      <c r="G122" s="180"/>
      <c r="H122" s="179" t="s">
        <v>2</v>
      </c>
      <c r="I122" s="180" t="s">
        <v>2</v>
      </c>
      <c r="J122" s="121"/>
    </row>
    <row r="123" spans="1:10" ht="15" customHeight="1">
      <c r="A123" s="76"/>
      <c r="B123" s="108"/>
      <c r="C123" s="89" t="s">
        <v>284</v>
      </c>
      <c r="D123" s="179" t="s">
        <v>2</v>
      </c>
      <c r="E123" s="180" t="s">
        <v>2</v>
      </c>
      <c r="F123" s="179" t="s">
        <v>2</v>
      </c>
      <c r="G123" s="180"/>
      <c r="H123" s="179" t="s">
        <v>2</v>
      </c>
      <c r="I123" s="180" t="s">
        <v>2</v>
      </c>
      <c r="J123" s="121"/>
    </row>
    <row r="124" spans="1:10" ht="15" customHeight="1">
      <c r="A124" s="76"/>
      <c r="B124" s="108"/>
      <c r="C124" s="89" t="s">
        <v>285</v>
      </c>
      <c r="D124" s="179" t="s">
        <v>2</v>
      </c>
      <c r="E124" s="180" t="s">
        <v>2</v>
      </c>
      <c r="F124" s="179" t="s">
        <v>2</v>
      </c>
      <c r="G124" s="180"/>
      <c r="H124" s="179" t="s">
        <v>2</v>
      </c>
      <c r="I124" s="180" t="s">
        <v>2</v>
      </c>
      <c r="J124" s="121"/>
    </row>
    <row r="125" spans="1:10" ht="15" customHeight="1">
      <c r="A125" s="76"/>
      <c r="B125" s="108"/>
      <c r="C125" s="77" t="s">
        <v>326</v>
      </c>
      <c r="D125" s="179" t="s">
        <v>2</v>
      </c>
      <c r="E125" s="180" t="s">
        <v>2</v>
      </c>
      <c r="F125" s="179" t="s">
        <v>2</v>
      </c>
      <c r="G125" s="180"/>
      <c r="H125" s="179" t="s">
        <v>2</v>
      </c>
      <c r="I125" s="180" t="s">
        <v>2</v>
      </c>
      <c r="J125" s="121"/>
    </row>
    <row r="126" spans="1:10" ht="15" customHeight="1">
      <c r="A126" s="76"/>
      <c r="B126" s="108"/>
      <c r="C126" s="89" t="s">
        <v>286</v>
      </c>
      <c r="D126" s="179" t="s">
        <v>2</v>
      </c>
      <c r="E126" s="180" t="s">
        <v>2</v>
      </c>
      <c r="F126" s="179" t="s">
        <v>2</v>
      </c>
      <c r="G126" s="180"/>
      <c r="H126" s="179" t="s">
        <v>2</v>
      </c>
      <c r="I126" s="180" t="s">
        <v>2</v>
      </c>
      <c r="J126" s="121"/>
    </row>
    <row r="127" spans="1:10" ht="15" customHeight="1">
      <c r="A127" s="76"/>
      <c r="B127" s="108"/>
      <c r="C127" s="89" t="s">
        <v>287</v>
      </c>
      <c r="D127" s="179" t="s">
        <v>2</v>
      </c>
      <c r="E127" s="180" t="s">
        <v>2</v>
      </c>
      <c r="F127" s="179" t="s">
        <v>2</v>
      </c>
      <c r="G127" s="180"/>
      <c r="H127" s="179" t="s">
        <v>2</v>
      </c>
      <c r="I127" s="180" t="s">
        <v>2</v>
      </c>
      <c r="J127" s="121"/>
    </row>
    <row r="128" spans="1:10" ht="15" customHeight="1">
      <c r="A128" s="76"/>
      <c r="B128" s="108"/>
      <c r="C128" s="89" t="s">
        <v>288</v>
      </c>
      <c r="D128" s="179" t="s">
        <v>2</v>
      </c>
      <c r="E128" s="180" t="s">
        <v>2</v>
      </c>
      <c r="F128" s="179" t="s">
        <v>2</v>
      </c>
      <c r="G128" s="180"/>
      <c r="H128" s="179" t="s">
        <v>2</v>
      </c>
      <c r="I128" s="180" t="s">
        <v>2</v>
      </c>
      <c r="J128" s="121"/>
    </row>
    <row r="129" spans="1:10" ht="15" customHeight="1">
      <c r="A129" s="76"/>
      <c r="B129" s="108"/>
      <c r="C129" s="89"/>
      <c r="D129" s="179"/>
      <c r="E129" s="180"/>
      <c r="F129" s="179"/>
      <c r="G129" s="180"/>
      <c r="H129" s="179"/>
      <c r="I129" s="180"/>
      <c r="J129" s="121"/>
    </row>
    <row r="130" spans="1:10" ht="15" customHeight="1">
      <c r="A130" s="76"/>
      <c r="B130" s="108" t="s">
        <v>281</v>
      </c>
      <c r="C130" s="89" t="s">
        <v>289</v>
      </c>
      <c r="D130" s="179" t="s">
        <v>2</v>
      </c>
      <c r="E130" s="180" t="s">
        <v>2</v>
      </c>
      <c r="F130" s="179" t="s">
        <v>2</v>
      </c>
      <c r="G130" s="180"/>
      <c r="H130" s="179" t="s">
        <v>2</v>
      </c>
      <c r="I130" s="180" t="s">
        <v>2</v>
      </c>
      <c r="J130" s="121"/>
    </row>
    <row r="131" spans="1:10" ht="15" customHeight="1">
      <c r="A131" s="76"/>
      <c r="B131" s="108"/>
      <c r="C131" s="89" t="s">
        <v>290</v>
      </c>
      <c r="D131" s="179" t="s">
        <v>2</v>
      </c>
      <c r="E131" s="180" t="s">
        <v>2</v>
      </c>
      <c r="F131" s="179" t="s">
        <v>2</v>
      </c>
      <c r="G131" s="180"/>
      <c r="H131" s="179" t="s">
        <v>2</v>
      </c>
      <c r="I131" s="180" t="s">
        <v>2</v>
      </c>
      <c r="J131" s="121"/>
    </row>
    <row r="132" spans="1:10" ht="15" customHeight="1">
      <c r="A132" s="76"/>
      <c r="B132" s="108"/>
      <c r="C132" s="89" t="s">
        <v>291</v>
      </c>
      <c r="D132" s="179" t="s">
        <v>2</v>
      </c>
      <c r="E132" s="180" t="s">
        <v>2</v>
      </c>
      <c r="F132" s="179" t="s">
        <v>2</v>
      </c>
      <c r="G132" s="180"/>
      <c r="H132" s="179" t="s">
        <v>2</v>
      </c>
      <c r="I132" s="180" t="s">
        <v>2</v>
      </c>
      <c r="J132" s="121"/>
    </row>
    <row r="133" spans="1:10" ht="15" customHeight="1">
      <c r="A133" s="76"/>
      <c r="B133" s="108"/>
      <c r="C133" s="89"/>
      <c r="D133" s="179"/>
      <c r="E133" s="180"/>
      <c r="F133" s="179"/>
      <c r="G133" s="180"/>
      <c r="H133" s="179"/>
      <c r="I133" s="180"/>
      <c r="J133" s="121"/>
    </row>
    <row r="134" spans="1:10" ht="15" customHeight="1">
      <c r="A134" s="76"/>
      <c r="B134" s="111" t="s">
        <v>108</v>
      </c>
      <c r="C134" s="89" t="s">
        <v>296</v>
      </c>
      <c r="D134" s="179" t="s">
        <v>2</v>
      </c>
      <c r="E134" s="180" t="s">
        <v>2</v>
      </c>
      <c r="F134" s="179" t="s">
        <v>2</v>
      </c>
      <c r="G134" s="180"/>
      <c r="H134" s="179" t="s">
        <v>2</v>
      </c>
      <c r="I134" s="180" t="s">
        <v>2</v>
      </c>
      <c r="J134" s="121"/>
    </row>
    <row r="135" spans="1:10" ht="15" customHeight="1">
      <c r="A135" s="76"/>
      <c r="B135" s="87"/>
      <c r="C135" s="89" t="s">
        <v>181</v>
      </c>
      <c r="D135" s="172" t="s">
        <v>2</v>
      </c>
      <c r="E135" s="173" t="s">
        <v>2</v>
      </c>
      <c r="F135" s="172" t="s">
        <v>2</v>
      </c>
      <c r="G135" s="174"/>
      <c r="H135" s="172" t="s">
        <v>2</v>
      </c>
      <c r="I135" s="174" t="s">
        <v>2</v>
      </c>
      <c r="J135" s="121"/>
    </row>
    <row r="136" spans="1:10" ht="15" customHeight="1">
      <c r="A136" s="76"/>
      <c r="B136" s="87"/>
      <c r="C136" s="89" t="s">
        <v>182</v>
      </c>
      <c r="D136" s="179" t="s">
        <v>2</v>
      </c>
      <c r="E136" s="180" t="s">
        <v>2</v>
      </c>
      <c r="F136" s="179" t="s">
        <v>2</v>
      </c>
      <c r="G136" s="180"/>
      <c r="H136" s="179" t="s">
        <v>2</v>
      </c>
      <c r="I136" s="180" t="s">
        <v>2</v>
      </c>
      <c r="J136" s="121"/>
    </row>
    <row r="137" spans="1:10" ht="15" customHeight="1">
      <c r="A137" s="76"/>
      <c r="B137" s="87"/>
      <c r="C137" s="89" t="s">
        <v>183</v>
      </c>
      <c r="D137" s="179" t="s">
        <v>2</v>
      </c>
      <c r="E137" s="180" t="s">
        <v>2</v>
      </c>
      <c r="F137" s="179" t="s">
        <v>2</v>
      </c>
      <c r="G137" s="180"/>
      <c r="H137" s="179" t="s">
        <v>2</v>
      </c>
      <c r="I137" s="180" t="s">
        <v>2</v>
      </c>
      <c r="J137" s="121"/>
    </row>
    <row r="138" spans="1:10" ht="15" customHeight="1">
      <c r="A138" s="76"/>
      <c r="B138" s="87"/>
      <c r="C138" s="89" t="s">
        <v>297</v>
      </c>
      <c r="D138" s="179" t="s">
        <v>2</v>
      </c>
      <c r="E138" s="180" t="s">
        <v>2</v>
      </c>
      <c r="F138" s="179" t="s">
        <v>2</v>
      </c>
      <c r="G138" s="180"/>
      <c r="H138" s="179" t="s">
        <v>2</v>
      </c>
      <c r="I138" s="180" t="s">
        <v>2</v>
      </c>
      <c r="J138" s="121"/>
    </row>
    <row r="139" spans="1:10" ht="15" customHeight="1">
      <c r="A139" s="76"/>
      <c r="B139" s="107"/>
      <c r="C139" s="89" t="s">
        <v>184</v>
      </c>
      <c r="D139" s="179"/>
      <c r="E139" s="180"/>
      <c r="F139" s="179"/>
      <c r="G139" s="180"/>
      <c r="H139" s="179"/>
      <c r="I139" s="180"/>
      <c r="J139" s="121"/>
    </row>
    <row r="140" spans="1:10" ht="15" customHeight="1">
      <c r="A140" s="76"/>
      <c r="B140" s="107"/>
      <c r="C140" s="89" t="s">
        <v>185</v>
      </c>
      <c r="D140" s="179"/>
      <c r="E140" s="180"/>
      <c r="F140" s="179"/>
      <c r="G140" s="180"/>
      <c r="H140" s="179"/>
      <c r="I140" s="180"/>
      <c r="J140" s="121"/>
    </row>
    <row r="141" spans="1:10" ht="15" customHeight="1">
      <c r="A141" s="76"/>
      <c r="B141" s="87"/>
      <c r="C141" s="89" t="s">
        <v>186</v>
      </c>
      <c r="D141" s="179" t="s">
        <v>2</v>
      </c>
      <c r="E141" s="180" t="s">
        <v>2</v>
      </c>
      <c r="F141" s="179" t="s">
        <v>2</v>
      </c>
      <c r="G141" s="180"/>
      <c r="H141" s="179" t="s">
        <v>2</v>
      </c>
      <c r="I141" s="180" t="s">
        <v>2</v>
      </c>
      <c r="J141" s="121"/>
    </row>
    <row r="142" spans="1:10" ht="15" customHeight="1">
      <c r="A142" s="76"/>
      <c r="B142" s="87"/>
      <c r="C142" s="89" t="s">
        <v>189</v>
      </c>
      <c r="D142" s="179" t="s">
        <v>2</v>
      </c>
      <c r="E142" s="180" t="s">
        <v>2</v>
      </c>
      <c r="F142" s="179" t="s">
        <v>2</v>
      </c>
      <c r="G142" s="180"/>
      <c r="H142" s="179" t="s">
        <v>2</v>
      </c>
      <c r="I142" s="180" t="s">
        <v>2</v>
      </c>
      <c r="J142" s="121"/>
    </row>
    <row r="143" spans="1:10" ht="15" customHeight="1">
      <c r="A143" s="76"/>
      <c r="B143" s="87"/>
      <c r="C143" s="89" t="s">
        <v>190</v>
      </c>
      <c r="D143" s="179"/>
      <c r="E143" s="180"/>
      <c r="F143" s="179"/>
      <c r="G143" s="180"/>
      <c r="H143" s="179"/>
      <c r="I143" s="180"/>
      <c r="J143" s="121"/>
    </row>
    <row r="144" spans="1:10" ht="15" customHeight="1">
      <c r="A144" s="76"/>
      <c r="B144" s="87"/>
      <c r="C144" s="89" t="s">
        <v>187</v>
      </c>
      <c r="D144" s="179" t="s">
        <v>2</v>
      </c>
      <c r="E144" s="180" t="s">
        <v>2</v>
      </c>
      <c r="F144" s="179" t="s">
        <v>2</v>
      </c>
      <c r="G144" s="180"/>
      <c r="H144" s="179" t="s">
        <v>2</v>
      </c>
      <c r="I144" s="180" t="s">
        <v>2</v>
      </c>
      <c r="J144" s="121"/>
    </row>
    <row r="145" spans="1:10" ht="15" customHeight="1">
      <c r="A145" s="76"/>
      <c r="B145" s="87"/>
      <c r="C145" s="89" t="s">
        <v>188</v>
      </c>
      <c r="D145" s="179" t="s">
        <v>2</v>
      </c>
      <c r="E145" s="180" t="s">
        <v>2</v>
      </c>
      <c r="F145" s="179" t="s">
        <v>2</v>
      </c>
      <c r="G145" s="180"/>
      <c r="H145" s="179" t="s">
        <v>2</v>
      </c>
      <c r="I145" s="180" t="s">
        <v>2</v>
      </c>
      <c r="J145" s="121"/>
    </row>
    <row r="146" spans="1:10" ht="15" customHeight="1">
      <c r="A146" s="76"/>
      <c r="B146" s="107"/>
      <c r="C146" s="90" t="s">
        <v>218</v>
      </c>
      <c r="D146" s="179" t="s">
        <v>2</v>
      </c>
      <c r="E146" s="180" t="s">
        <v>2</v>
      </c>
      <c r="F146" s="179" t="s">
        <v>2</v>
      </c>
      <c r="G146" s="180"/>
      <c r="H146" s="179" t="s">
        <v>2</v>
      </c>
      <c r="I146" s="180" t="s">
        <v>2</v>
      </c>
      <c r="J146" s="121"/>
    </row>
    <row r="147" spans="1:10" ht="15" customHeight="1">
      <c r="A147" s="80"/>
      <c r="B147" s="86"/>
      <c r="C147" s="80"/>
      <c r="D147" s="181"/>
      <c r="E147" s="182"/>
      <c r="F147" s="181"/>
      <c r="G147" s="182"/>
      <c r="H147" s="181"/>
      <c r="I147" s="182"/>
      <c r="J147" s="184"/>
    </row>
    <row r="148" spans="1:10" ht="25.2">
      <c r="A148" s="83" t="s">
        <v>300</v>
      </c>
      <c r="B148" s="82"/>
      <c r="C148" s="83"/>
    </row>
    <row r="149" spans="1:10" ht="15" customHeight="1">
      <c r="A149" s="286" t="s">
        <v>196</v>
      </c>
      <c r="B149" s="289" t="s">
        <v>197</v>
      </c>
      <c r="C149" s="286" t="s">
        <v>198</v>
      </c>
      <c r="D149" s="282" t="s">
        <v>389</v>
      </c>
      <c r="E149" s="282"/>
      <c r="F149" s="281" t="s">
        <v>390</v>
      </c>
      <c r="G149" s="281"/>
      <c r="H149" s="281" t="s">
        <v>391</v>
      </c>
      <c r="I149" s="281"/>
      <c r="J149" s="283" t="s">
        <v>96</v>
      </c>
    </row>
    <row r="150" spans="1:10" ht="15" customHeight="1">
      <c r="A150" s="287"/>
      <c r="B150" s="290"/>
      <c r="C150" s="287"/>
      <c r="D150" s="282"/>
      <c r="E150" s="282"/>
      <c r="F150" s="281"/>
      <c r="G150" s="281"/>
      <c r="H150" s="281"/>
      <c r="I150" s="281"/>
      <c r="J150" s="284"/>
    </row>
    <row r="151" spans="1:10" ht="15" customHeight="1">
      <c r="A151" s="288"/>
      <c r="B151" s="291"/>
      <c r="C151" s="288"/>
      <c r="D151" s="169" t="s">
        <v>393</v>
      </c>
      <c r="E151" s="170" t="s">
        <v>394</v>
      </c>
      <c r="F151" s="169" t="s">
        <v>395</v>
      </c>
      <c r="G151" s="171" t="s">
        <v>396</v>
      </c>
      <c r="H151" s="169" t="s">
        <v>393</v>
      </c>
      <c r="I151" s="171" t="s">
        <v>394</v>
      </c>
      <c r="J151" s="285"/>
    </row>
    <row r="152" spans="1:10" ht="15" customHeight="1">
      <c r="A152" s="76"/>
      <c r="B152" s="77" t="s">
        <v>299</v>
      </c>
      <c r="C152" s="105" t="s">
        <v>217</v>
      </c>
      <c r="D152" s="177" t="s">
        <v>3</v>
      </c>
      <c r="E152" s="178" t="s">
        <v>2</v>
      </c>
      <c r="F152" s="177" t="s">
        <v>2</v>
      </c>
      <c r="G152" s="178"/>
      <c r="H152" s="177" t="s">
        <v>2</v>
      </c>
      <c r="I152" s="178" t="s">
        <v>2</v>
      </c>
      <c r="J152" s="121"/>
    </row>
    <row r="153" spans="1:10" ht="15" customHeight="1">
      <c r="A153" s="76"/>
      <c r="B153" s="77"/>
      <c r="C153" s="105" t="s">
        <v>192</v>
      </c>
      <c r="D153" s="179"/>
      <c r="E153" s="180"/>
      <c r="F153" s="179"/>
      <c r="G153" s="180"/>
      <c r="H153" s="179"/>
      <c r="I153" s="180"/>
      <c r="J153" s="121"/>
    </row>
    <row r="154" spans="1:10" ht="15" customHeight="1">
      <c r="A154" s="76"/>
      <c r="B154" s="77"/>
      <c r="C154" s="111" t="s">
        <v>309</v>
      </c>
      <c r="D154" s="179" t="s">
        <v>2</v>
      </c>
      <c r="E154" s="180" t="s">
        <v>2</v>
      </c>
      <c r="F154" s="179" t="s">
        <v>2</v>
      </c>
      <c r="G154" s="180"/>
      <c r="H154" s="179" t="s">
        <v>2</v>
      </c>
      <c r="I154" s="180" t="s">
        <v>2</v>
      </c>
      <c r="J154" s="121"/>
    </row>
    <row r="155" spans="1:10" ht="15" customHeight="1">
      <c r="A155" s="76"/>
      <c r="B155" s="105"/>
      <c r="C155" s="77"/>
      <c r="D155" s="179"/>
      <c r="E155" s="180"/>
      <c r="F155" s="179"/>
      <c r="G155" s="180"/>
      <c r="H155" s="179"/>
      <c r="I155" s="180"/>
      <c r="J155" s="121"/>
    </row>
    <row r="156" spans="1:10" ht="15" customHeight="1">
      <c r="A156" s="76"/>
      <c r="B156" s="105"/>
      <c r="C156" s="77"/>
      <c r="D156" s="179"/>
      <c r="E156" s="180"/>
      <c r="F156" s="179"/>
      <c r="G156" s="180"/>
      <c r="H156" s="179"/>
      <c r="I156" s="180"/>
      <c r="J156" s="121"/>
    </row>
    <row r="157" spans="1:10" ht="15" customHeight="1">
      <c r="A157" s="76"/>
      <c r="B157" s="105"/>
      <c r="C157" s="77"/>
      <c r="D157" s="179"/>
      <c r="E157" s="180"/>
      <c r="F157" s="179"/>
      <c r="G157" s="180"/>
      <c r="H157" s="179"/>
      <c r="I157" s="180"/>
      <c r="J157" s="121"/>
    </row>
    <row r="158" spans="1:10" ht="15" customHeight="1">
      <c r="A158" s="76"/>
      <c r="B158" s="105"/>
      <c r="C158" s="77"/>
      <c r="D158" s="179"/>
      <c r="E158" s="180"/>
      <c r="F158" s="179"/>
      <c r="G158" s="180"/>
      <c r="H158" s="179"/>
      <c r="I158" s="180"/>
      <c r="J158" s="121"/>
    </row>
    <row r="159" spans="1:10" ht="15" customHeight="1">
      <c r="A159" s="76"/>
      <c r="B159" s="105"/>
      <c r="C159" s="77"/>
      <c r="D159" s="179"/>
      <c r="E159" s="180"/>
      <c r="F159" s="179"/>
      <c r="G159" s="180"/>
      <c r="H159" s="179"/>
      <c r="I159" s="180"/>
      <c r="J159" s="121"/>
    </row>
    <row r="160" spans="1:10" ht="15" customHeight="1">
      <c r="A160" s="76"/>
      <c r="B160" s="105"/>
      <c r="C160" s="77"/>
      <c r="D160" s="179"/>
      <c r="E160" s="180"/>
      <c r="F160" s="179"/>
      <c r="G160" s="180"/>
      <c r="H160" s="179"/>
      <c r="I160" s="180"/>
      <c r="J160" s="121"/>
    </row>
    <row r="161" spans="1:10" ht="15" customHeight="1">
      <c r="A161" s="76"/>
      <c r="B161" s="105"/>
      <c r="C161" s="77"/>
      <c r="D161" s="179"/>
      <c r="E161" s="180"/>
      <c r="F161" s="179"/>
      <c r="G161" s="180"/>
      <c r="H161" s="179"/>
      <c r="I161" s="180"/>
      <c r="J161" s="121"/>
    </row>
    <row r="162" spans="1:10" ht="15" customHeight="1">
      <c r="A162" s="76"/>
      <c r="B162" s="105"/>
      <c r="C162" s="77"/>
      <c r="D162" s="179"/>
      <c r="E162" s="180"/>
      <c r="F162" s="179"/>
      <c r="G162" s="180"/>
      <c r="H162" s="179"/>
      <c r="I162" s="180"/>
      <c r="J162" s="121"/>
    </row>
    <row r="163" spans="1:10" ht="15" customHeight="1">
      <c r="A163" s="76"/>
      <c r="B163" s="105"/>
      <c r="C163" s="77"/>
      <c r="D163" s="179"/>
      <c r="E163" s="180"/>
      <c r="F163" s="179"/>
      <c r="G163" s="180"/>
      <c r="H163" s="179"/>
      <c r="I163" s="180"/>
      <c r="J163" s="121"/>
    </row>
    <row r="164" spans="1:10" ht="15" customHeight="1">
      <c r="A164" s="76"/>
      <c r="B164" s="105"/>
      <c r="C164" s="77"/>
      <c r="D164" s="179"/>
      <c r="E164" s="180"/>
      <c r="F164" s="179"/>
      <c r="G164" s="180"/>
      <c r="H164" s="179"/>
      <c r="I164" s="180"/>
      <c r="J164" s="121"/>
    </row>
    <row r="165" spans="1:10" ht="15" customHeight="1">
      <c r="A165" s="76"/>
      <c r="B165" s="105"/>
      <c r="C165" s="77"/>
      <c r="D165" s="179"/>
      <c r="E165" s="180"/>
      <c r="F165" s="179"/>
      <c r="G165" s="180"/>
      <c r="H165" s="179"/>
      <c r="I165" s="180"/>
      <c r="J165" s="121"/>
    </row>
    <row r="166" spans="1:10" ht="15" customHeight="1">
      <c r="A166" s="76"/>
      <c r="B166" s="105"/>
      <c r="C166" s="77"/>
      <c r="D166" s="179"/>
      <c r="E166" s="180"/>
      <c r="F166" s="179"/>
      <c r="G166" s="180"/>
      <c r="H166" s="179"/>
      <c r="I166" s="180"/>
      <c r="J166" s="121"/>
    </row>
    <row r="167" spans="1:10" ht="15" customHeight="1">
      <c r="A167" s="76"/>
      <c r="B167" s="105"/>
      <c r="C167" s="77"/>
      <c r="D167" s="179"/>
      <c r="E167" s="180"/>
      <c r="F167" s="179"/>
      <c r="G167" s="180"/>
      <c r="H167" s="179"/>
      <c r="I167" s="180"/>
      <c r="J167" s="121"/>
    </row>
    <row r="168" spans="1:10" ht="15" customHeight="1">
      <c r="A168" s="76"/>
      <c r="B168" s="105"/>
      <c r="C168" s="77"/>
      <c r="D168" s="179"/>
      <c r="E168" s="180"/>
      <c r="F168" s="179"/>
      <c r="G168" s="180"/>
      <c r="H168" s="179"/>
      <c r="I168" s="180"/>
      <c r="J168" s="121"/>
    </row>
    <row r="169" spans="1:10" ht="15" customHeight="1">
      <c r="A169" s="76"/>
      <c r="B169" s="105"/>
      <c r="C169" s="77"/>
      <c r="D169" s="179"/>
      <c r="E169" s="180"/>
      <c r="F169" s="179"/>
      <c r="G169" s="180"/>
      <c r="H169" s="179"/>
      <c r="I169" s="180"/>
      <c r="J169" s="121"/>
    </row>
    <row r="170" spans="1:10" ht="15" customHeight="1">
      <c r="A170" s="76"/>
      <c r="B170" s="105"/>
      <c r="C170" s="77"/>
      <c r="D170" s="179"/>
      <c r="E170" s="180"/>
      <c r="F170" s="179"/>
      <c r="G170" s="180"/>
      <c r="H170" s="179"/>
      <c r="I170" s="180"/>
      <c r="J170" s="121"/>
    </row>
    <row r="171" spans="1:10" ht="15" customHeight="1">
      <c r="A171" s="76"/>
      <c r="B171" s="105"/>
      <c r="C171" s="77"/>
      <c r="D171" s="172"/>
      <c r="E171" s="173"/>
      <c r="F171" s="172"/>
      <c r="G171" s="174"/>
      <c r="H171" s="172"/>
      <c r="I171" s="174"/>
      <c r="J171" s="121"/>
    </row>
    <row r="172" spans="1:10" ht="15" customHeight="1">
      <c r="A172" s="76"/>
      <c r="B172" s="105"/>
      <c r="C172" s="77"/>
      <c r="D172" s="179"/>
      <c r="E172" s="180"/>
      <c r="F172" s="179"/>
      <c r="G172" s="180"/>
      <c r="H172" s="179"/>
      <c r="I172" s="180"/>
      <c r="J172" s="121"/>
    </row>
    <row r="173" spans="1:10" ht="15" customHeight="1">
      <c r="A173" s="76"/>
      <c r="B173" s="105"/>
      <c r="C173" s="77"/>
      <c r="D173" s="179"/>
      <c r="E173" s="180"/>
      <c r="F173" s="179"/>
      <c r="G173" s="180"/>
      <c r="H173" s="179"/>
      <c r="I173" s="180"/>
      <c r="J173" s="121"/>
    </row>
    <row r="174" spans="1:10" ht="15" customHeight="1">
      <c r="A174" s="76"/>
      <c r="B174" s="105"/>
      <c r="C174" s="77"/>
      <c r="D174" s="179"/>
      <c r="E174" s="180"/>
      <c r="F174" s="179"/>
      <c r="G174" s="180"/>
      <c r="H174" s="179"/>
      <c r="I174" s="180"/>
      <c r="J174" s="121"/>
    </row>
    <row r="175" spans="1:10" ht="15" customHeight="1">
      <c r="A175" s="76"/>
      <c r="B175" s="105"/>
      <c r="C175" s="77"/>
      <c r="D175" s="179"/>
      <c r="E175" s="180"/>
      <c r="F175" s="179"/>
      <c r="G175" s="180"/>
      <c r="H175" s="179"/>
      <c r="I175" s="180"/>
      <c r="J175" s="121"/>
    </row>
    <row r="176" spans="1:10" ht="15" customHeight="1">
      <c r="A176" s="76"/>
      <c r="B176" s="105"/>
      <c r="C176" s="77"/>
      <c r="D176" s="179"/>
      <c r="E176" s="180"/>
      <c r="F176" s="179"/>
      <c r="G176" s="180"/>
      <c r="H176" s="179"/>
      <c r="I176" s="180"/>
      <c r="J176" s="121"/>
    </row>
    <row r="177" spans="1:10" ht="15" customHeight="1">
      <c r="A177" s="76"/>
      <c r="B177" s="105"/>
      <c r="C177" s="77"/>
      <c r="D177" s="179"/>
      <c r="E177" s="180"/>
      <c r="F177" s="179"/>
      <c r="G177" s="180"/>
      <c r="H177" s="179"/>
      <c r="I177" s="180"/>
      <c r="J177" s="121"/>
    </row>
    <row r="178" spans="1:10" ht="15" customHeight="1">
      <c r="A178" s="76"/>
      <c r="B178" s="105"/>
      <c r="C178" s="77"/>
      <c r="D178" s="179"/>
      <c r="E178" s="180"/>
      <c r="F178" s="179"/>
      <c r="G178" s="180"/>
      <c r="H178" s="179"/>
      <c r="I178" s="180"/>
      <c r="J178" s="121"/>
    </row>
    <row r="179" spans="1:10" ht="15" customHeight="1">
      <c r="A179" s="76"/>
      <c r="B179" s="105"/>
      <c r="C179" s="77"/>
      <c r="D179" s="179"/>
      <c r="E179" s="180"/>
      <c r="F179" s="179"/>
      <c r="G179" s="180"/>
      <c r="H179" s="179"/>
      <c r="I179" s="180"/>
      <c r="J179" s="121"/>
    </row>
    <row r="180" spans="1:10" ht="15" customHeight="1">
      <c r="A180" s="76"/>
      <c r="B180" s="39"/>
      <c r="C180" s="77"/>
      <c r="D180" s="179"/>
      <c r="E180" s="180"/>
      <c r="F180" s="179"/>
      <c r="G180" s="180"/>
      <c r="H180" s="179"/>
      <c r="I180" s="180"/>
      <c r="J180" s="121"/>
    </row>
    <row r="181" spans="1:10" ht="15" customHeight="1">
      <c r="A181" s="76"/>
      <c r="B181" s="84"/>
      <c r="C181" s="77"/>
      <c r="D181" s="179"/>
      <c r="E181" s="180"/>
      <c r="F181" s="179"/>
      <c r="G181" s="180"/>
      <c r="H181" s="179"/>
      <c r="I181" s="180"/>
      <c r="J181" s="121"/>
    </row>
    <row r="182" spans="1:10" ht="15" customHeight="1">
      <c r="A182" s="76"/>
      <c r="B182" s="85"/>
      <c r="C182" s="79"/>
      <c r="D182" s="179"/>
      <c r="E182" s="180"/>
      <c r="F182" s="179"/>
      <c r="G182" s="180"/>
      <c r="H182" s="179"/>
      <c r="I182" s="180"/>
      <c r="J182" s="121"/>
    </row>
    <row r="183" spans="1:10" ht="15" customHeight="1">
      <c r="A183" s="80"/>
      <c r="B183" s="86"/>
      <c r="C183" s="80"/>
      <c r="D183" s="181"/>
      <c r="E183" s="182"/>
      <c r="F183" s="181"/>
      <c r="G183" s="182"/>
      <c r="H183" s="181"/>
      <c r="I183" s="182"/>
      <c r="J183" s="184"/>
    </row>
  </sheetData>
  <mergeCells count="28">
    <mergeCell ref="H77:I78"/>
    <mergeCell ref="J41:J43"/>
    <mergeCell ref="F149:G150"/>
    <mergeCell ref="H149:I150"/>
    <mergeCell ref="J149:J151"/>
    <mergeCell ref="A149:A151"/>
    <mergeCell ref="B149:B151"/>
    <mergeCell ref="C149:C151"/>
    <mergeCell ref="D149:E150"/>
    <mergeCell ref="D77:E78"/>
    <mergeCell ref="F41:G42"/>
    <mergeCell ref="A113:A115"/>
    <mergeCell ref="B113:B115"/>
    <mergeCell ref="C113:C115"/>
    <mergeCell ref="A77:A79"/>
    <mergeCell ref="B77:B79"/>
    <mergeCell ref="C77:C79"/>
    <mergeCell ref="C41:C43"/>
    <mergeCell ref="H41:I42"/>
    <mergeCell ref="F77:G78"/>
    <mergeCell ref="A41:A43"/>
    <mergeCell ref="B41:B43"/>
    <mergeCell ref="J77:J79"/>
    <mergeCell ref="D113:E114"/>
    <mergeCell ref="F113:G114"/>
    <mergeCell ref="H113:I114"/>
    <mergeCell ref="J113:J115"/>
    <mergeCell ref="D41:E42"/>
  </mergeCells>
  <phoneticPr fontId="7"/>
  <pageMargins left="0.59055118110236227" right="0.59055118110236227" top="0.59055118110236227" bottom="0.59055118110236227" header="0.51181102362204722" footer="0.51181102362204722"/>
  <pageSetup paperSize="9" firstPageNumber="18" orientation="landscape" useFirstPageNumber="1" r:id="rId1"/>
  <headerFooter alignWithMargins="0">
    <oddFooter>&amp;C－&amp;P－</oddFooter>
  </headerFooter>
  <rowBreaks count="4" manualBreakCount="4">
    <brk id="39" max="16383" man="1"/>
    <brk id="75" max="16383" man="1"/>
    <brk id="111" max="16383" man="1"/>
    <brk id="147"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5</vt:i4>
      </vt:variant>
    </vt:vector>
  </HeadingPairs>
  <TitlesOfParts>
    <vt:vector size="18" baseType="lpstr">
      <vt:lpstr>表紙</vt:lpstr>
      <vt:lpstr>はじめに </vt:lpstr>
      <vt:lpstr>Ⅰ「設計図書の照査」の基本的考え方</vt:lpstr>
      <vt:lpstr>Ⅱ．土木工事設計図書の照査項目チェックリストの活用</vt:lpstr>
      <vt:lpstr>照査要領目次</vt:lpstr>
      <vt:lpstr>チェックリスト</vt:lpstr>
      <vt:lpstr>樋門・樋管</vt:lpstr>
      <vt:lpstr>築堤護岸</vt:lpstr>
      <vt:lpstr>道路改良(舗装）</vt:lpstr>
      <vt:lpstr>橋梁下部</vt:lpstr>
      <vt:lpstr>共同溝</vt:lpstr>
      <vt:lpstr>橋梁上部</vt:lpstr>
      <vt:lpstr>Sheet1</vt:lpstr>
      <vt:lpstr>Ⅰ「設計図書の照査」の基本的考え方!Print_Area</vt:lpstr>
      <vt:lpstr>Ⅱ．土木工事設計図書の照査項目チェックリストの活用!Print_Area</vt:lpstr>
      <vt:lpstr>'はじめに '!Print_Area</vt:lpstr>
      <vt:lpstr>表紙!Print_Area</vt:lpstr>
      <vt:lpstr>チェックリスト!Print_Titles</vt:lpstr>
    </vt:vector>
  </TitlesOfParts>
  <Company>国土交通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技術管理課</dc:creator>
  <cp:lastModifiedBy>富山市</cp:lastModifiedBy>
  <cp:lastPrinted>2015-08-07T00:10:04Z</cp:lastPrinted>
  <dcterms:created xsi:type="dcterms:W3CDTF">2005-06-30T09:43:26Z</dcterms:created>
  <dcterms:modified xsi:type="dcterms:W3CDTF">2020-01-29T08:07:16Z</dcterms:modified>
</cp:coreProperties>
</file>